
<file path=[Content_Types].xml><?xml version="1.0" encoding="utf-8"?>
<Types xmlns="http://schemas.openxmlformats.org/package/2006/content-types">
  <Default Extension="fntdata" ContentType="application/x-fontdata"/>
  <Default Extension="gif" ContentType="image/gif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theme/theme3.xml" ContentType="application/vnd.openxmlformats-officedocument.theme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heme/theme4.xml" ContentType="application/vnd.openxmlformats-officedocument.theme+xml"/>
  <Override PartName="/ppt/tags/tag20.xml" ContentType="application/vnd.openxmlformats-officedocument.presentationml.tags+xml"/>
  <Override PartName="/ppt/notesSlides/notesSlide1.xml" ContentType="application/vnd.openxmlformats-officedocument.presentationml.notesSlide+xml"/>
  <Override PartName="/ppt/tags/tag21.xml" ContentType="application/vnd.openxmlformats-officedocument.presentationml.tags+xml"/>
  <Override PartName="/ppt/notesSlides/notesSlide2.xml" ContentType="application/vnd.openxmlformats-officedocument.presentationml.notesSlide+xml"/>
  <Override PartName="/ppt/tags/tag22.xml" ContentType="application/vnd.openxmlformats-officedocument.presentationml.tags+xml"/>
  <Override PartName="/ppt/notesSlides/notesSlide3.xml" ContentType="application/vnd.openxmlformats-officedocument.presentationml.notesSlide+xml"/>
  <Override PartName="/ppt/tags/tag23.xml" ContentType="application/vnd.openxmlformats-officedocument.presentationml.tags+xml"/>
  <Override PartName="/ppt/notesSlides/notesSlide4.xml" ContentType="application/vnd.openxmlformats-officedocument.presentationml.notesSlide+xml"/>
  <Override PartName="/ppt/tags/tag24.xml" ContentType="application/vnd.openxmlformats-officedocument.presentationml.tags+xml"/>
  <Override PartName="/ppt/notesSlides/notesSlide5.xml" ContentType="application/vnd.openxmlformats-officedocument.presentationml.notesSlide+xml"/>
  <Override PartName="/ppt/tags/tag25.xml" ContentType="application/vnd.openxmlformats-officedocument.presentationml.tags+xml"/>
  <Override PartName="/ppt/notesSlides/notesSlide6.xml" ContentType="application/vnd.openxmlformats-officedocument.presentationml.notesSlide+xml"/>
  <Override PartName="/ppt/tags/tag26.xml" ContentType="application/vnd.openxmlformats-officedocument.presentationml.tags+xml"/>
  <Override PartName="/ppt/notesSlides/notesSlide7.xml" ContentType="application/vnd.openxmlformats-officedocument.presentationml.notesSlide+xml"/>
  <Override PartName="/ppt/tags/tag27.xml" ContentType="application/vnd.openxmlformats-officedocument.presentationml.tags+xml"/>
  <Override PartName="/ppt/notesSlides/notesSlide8.xml" ContentType="application/vnd.openxmlformats-officedocument.presentationml.notesSlide+xml"/>
  <Override PartName="/ppt/tags/tag28.xml" ContentType="application/vnd.openxmlformats-officedocument.presentationml.tags+xml"/>
  <Override PartName="/ppt/notesSlides/notesSlide9.xml" ContentType="application/vnd.openxmlformats-officedocument.presentationml.notesSlide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notesSlides/notesSlide10.xml" ContentType="application/vnd.openxmlformats-officedocument.presentationml.notesSlide+xml"/>
  <Override PartName="/ppt/tags/tag32.xml" ContentType="application/vnd.openxmlformats-officedocument.presentationml.tags+xml"/>
  <Override PartName="/ppt/notesSlides/notesSlide11.xml" ContentType="application/vnd.openxmlformats-officedocument.presentationml.notesSlide+xml"/>
  <Override PartName="/ppt/tags/tag33.xml" ContentType="application/vnd.openxmlformats-officedocument.presentationml.tags+xml"/>
  <Override PartName="/ppt/notesSlides/notesSlide12.xml" ContentType="application/vnd.openxmlformats-officedocument.presentationml.notesSlide+xml"/>
  <Override PartName="/ppt/tags/tag34.xml" ContentType="application/vnd.openxmlformats-officedocument.presentationml.tags+xml"/>
  <Override PartName="/ppt/tags/tag35.xml" ContentType="application/vnd.openxmlformats-officedocument.presentationml.tags+xml"/>
  <Override PartName="/ppt/notesSlides/notesSlide13.xml" ContentType="application/vnd.openxmlformats-officedocument.presentationml.notesSlide+xml"/>
  <Override PartName="/ppt/tags/tag36.xml" ContentType="application/vnd.openxmlformats-officedocument.presentationml.tags+xml"/>
  <Override PartName="/ppt/notesSlides/notesSlide14.xml" ContentType="application/vnd.openxmlformats-officedocument.presentationml.notesSlide+xml"/>
  <Override PartName="/ppt/tags/tag37.xml" ContentType="application/vnd.openxmlformats-officedocument.presentationml.tags+xml"/>
  <Override PartName="/ppt/notesSlides/notesSlide15.xml" ContentType="application/vnd.openxmlformats-officedocument.presentationml.notesSlide+xml"/>
  <Override PartName="/ppt/tags/tag38.xml" ContentType="application/vnd.openxmlformats-officedocument.presentationml.tags+xml"/>
  <Override PartName="/ppt/notesSlides/notesSlide16.xml" ContentType="application/vnd.openxmlformats-officedocument.presentationml.notesSlide+xml"/>
  <Override PartName="/ppt/tags/tag39.xml" ContentType="application/vnd.openxmlformats-officedocument.presentationml.tags+xml"/>
  <Override PartName="/ppt/tags/tag40.xml" ContentType="application/vnd.openxmlformats-officedocument.presentationml.tags+xml"/>
  <Override PartName="/ppt/notesSlides/notesSlide17.xml" ContentType="application/vnd.openxmlformats-officedocument.presentationml.notesSlide+xml"/>
  <Override PartName="/ppt/tags/tag41.xml" ContentType="application/vnd.openxmlformats-officedocument.presentationml.tags+xml"/>
  <Override PartName="/ppt/notesSlides/notesSlide18.xml" ContentType="application/vnd.openxmlformats-officedocument.presentationml.notesSlide+xml"/>
  <Override PartName="/ppt/tags/tag42.xml" ContentType="application/vnd.openxmlformats-officedocument.presentationml.tags+xml"/>
  <Override PartName="/ppt/notesSlides/notesSlide1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  <p:sldMasterId id="2147483660" r:id="rId2"/>
    <p:sldMasterId id="2147483670" r:id="rId3"/>
  </p:sldMasterIdLst>
  <p:notesMasterIdLst>
    <p:notesMasterId r:id="rId23"/>
  </p:notesMasterIdLst>
  <p:sldIdLst>
    <p:sldId id="365" r:id="rId4"/>
    <p:sldId id="256" r:id="rId5"/>
    <p:sldId id="257" r:id="rId6"/>
    <p:sldId id="258" r:id="rId7"/>
    <p:sldId id="259" r:id="rId8"/>
    <p:sldId id="367" r:id="rId9"/>
    <p:sldId id="260" r:id="rId10"/>
    <p:sldId id="261" r:id="rId11"/>
    <p:sldId id="405" r:id="rId12"/>
    <p:sldId id="404" r:id="rId13"/>
    <p:sldId id="366" r:id="rId14"/>
    <p:sldId id="375" r:id="rId15"/>
    <p:sldId id="393" r:id="rId16"/>
    <p:sldId id="263" r:id="rId17"/>
    <p:sldId id="368" r:id="rId18"/>
    <p:sldId id="394" r:id="rId19"/>
    <p:sldId id="395" r:id="rId20"/>
    <p:sldId id="403" r:id="rId21"/>
    <p:sldId id="391" r:id="rId22"/>
  </p:sldIdLst>
  <p:sldSz cx="18288000" cy="10287000"/>
  <p:notesSz cx="6858000" cy="9144000"/>
  <p:embeddedFontLst>
    <p:embeddedFont>
      <p:font typeface="Aileron" panose="020B0604020202020204" charset="0"/>
      <p:regular r:id="rId24"/>
    </p:embeddedFont>
    <p:embeddedFont>
      <p:font typeface="Avenir Next LT Pro" panose="020B0504020202020204" pitchFamily="34" charset="0"/>
      <p:regular r:id="rId25"/>
      <p:bold r:id="rId26"/>
      <p:italic r:id="rId27"/>
      <p:boldItalic r:id="rId28"/>
    </p:embeddedFont>
    <p:embeddedFont>
      <p:font typeface="Cascadia Mono" panose="020B0609020000020004" pitchFamily="49" charset="0"/>
      <p:regular r:id="rId29"/>
      <p:bold r:id="rId30"/>
      <p:italic r:id="rId31"/>
      <p:boldItalic r:id="rId32"/>
    </p:embeddedFont>
    <p:embeddedFont>
      <p:font typeface="DejaVu Serif Bold" panose="020B0604020202020204" charset="0"/>
      <p:regular r:id="rId33"/>
    </p:embeddedFont>
    <p:embeddedFont>
      <p:font typeface="Glacial Indifference" panose="020B0604020202020204" charset="0"/>
      <p:regular r:id="rId34"/>
    </p:embeddedFont>
    <p:embeddedFont>
      <p:font typeface="Helvetica" panose="020B0604020202020204" pitchFamily="34" charset="0"/>
      <p:regular r:id="rId35"/>
      <p:bold r:id="rId36"/>
      <p:italic r:id="rId37"/>
      <p:boldItalic r:id="rId38"/>
    </p:embeddedFont>
    <p:embeddedFont>
      <p:font typeface="League Spartan" panose="020B0604020202020204" charset="0"/>
      <p:regular r:id="rId39"/>
    </p:embeddedFont>
    <p:embeddedFont>
      <p:font typeface="Tw Cen MT" panose="020B0602020104020603" pitchFamily="34" charset="0"/>
      <p:regular r:id="rId40"/>
      <p:bold r:id="rId41"/>
      <p:italic r:id="rId42"/>
      <p:boldItalic r:id="rId43"/>
    </p:embeddedFont>
  </p:embeddedFontLst>
  <p:custDataLst>
    <p:tags r:id="rId4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3048" userDrawn="1">
          <p15:clr>
            <a:srgbClr val="A4A3A4"/>
          </p15:clr>
        </p15:guide>
        <p15:guide id="2" pos="57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7A4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 autoAdjust="0"/>
    <p:restoredTop sz="94622" autoAdjust="0"/>
  </p:normalViewPr>
  <p:slideViewPr>
    <p:cSldViewPr>
      <p:cViewPr varScale="1">
        <p:scale>
          <a:sx n="36" d="100"/>
          <a:sy n="36" d="100"/>
        </p:scale>
        <p:origin x="1140" y="60"/>
      </p:cViewPr>
      <p:guideLst>
        <p:guide orient="horz" pos="3048"/>
        <p:guide pos="576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0.xml"/><Relationship Id="rId18" Type="http://schemas.openxmlformats.org/officeDocument/2006/relationships/slide" Target="slides/slide15.xml"/><Relationship Id="rId26" Type="http://schemas.openxmlformats.org/officeDocument/2006/relationships/font" Target="fonts/font3.fntdata"/><Relationship Id="rId39" Type="http://schemas.openxmlformats.org/officeDocument/2006/relationships/font" Target="fonts/font16.fntdata"/><Relationship Id="rId21" Type="http://schemas.openxmlformats.org/officeDocument/2006/relationships/slide" Target="slides/slide18.xml"/><Relationship Id="rId34" Type="http://schemas.openxmlformats.org/officeDocument/2006/relationships/font" Target="fonts/font11.fntdata"/><Relationship Id="rId42" Type="http://schemas.openxmlformats.org/officeDocument/2006/relationships/font" Target="fonts/font19.fntdata"/><Relationship Id="rId47" Type="http://schemas.openxmlformats.org/officeDocument/2006/relationships/theme" Target="theme/theme1.xml"/><Relationship Id="rId7" Type="http://schemas.openxmlformats.org/officeDocument/2006/relationships/slide" Target="slides/slide4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3.xml"/><Relationship Id="rId29" Type="http://schemas.openxmlformats.org/officeDocument/2006/relationships/font" Target="fonts/font6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24" Type="http://schemas.openxmlformats.org/officeDocument/2006/relationships/font" Target="fonts/font1.fntdata"/><Relationship Id="rId32" Type="http://schemas.openxmlformats.org/officeDocument/2006/relationships/font" Target="fonts/font9.fntdata"/><Relationship Id="rId37" Type="http://schemas.openxmlformats.org/officeDocument/2006/relationships/font" Target="fonts/font14.fntdata"/><Relationship Id="rId40" Type="http://schemas.openxmlformats.org/officeDocument/2006/relationships/font" Target="fonts/font17.fntdata"/><Relationship Id="rId45" Type="http://schemas.openxmlformats.org/officeDocument/2006/relationships/presProps" Target="presProps.xml"/><Relationship Id="rId5" Type="http://schemas.openxmlformats.org/officeDocument/2006/relationships/slide" Target="slides/slide2.xml"/><Relationship Id="rId15" Type="http://schemas.openxmlformats.org/officeDocument/2006/relationships/slide" Target="slides/slide12.xml"/><Relationship Id="rId23" Type="http://schemas.openxmlformats.org/officeDocument/2006/relationships/notesMaster" Target="notesMasters/notesMaster1.xml"/><Relationship Id="rId28" Type="http://schemas.openxmlformats.org/officeDocument/2006/relationships/font" Target="fonts/font5.fntdata"/><Relationship Id="rId36" Type="http://schemas.openxmlformats.org/officeDocument/2006/relationships/font" Target="fonts/font13.fntdata"/><Relationship Id="rId10" Type="http://schemas.openxmlformats.org/officeDocument/2006/relationships/slide" Target="slides/slide7.xml"/><Relationship Id="rId19" Type="http://schemas.openxmlformats.org/officeDocument/2006/relationships/slide" Target="slides/slide16.xml"/><Relationship Id="rId31" Type="http://schemas.openxmlformats.org/officeDocument/2006/relationships/font" Target="fonts/font8.fntdata"/><Relationship Id="rId44" Type="http://schemas.openxmlformats.org/officeDocument/2006/relationships/tags" Target="tags/tag1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Relationship Id="rId22" Type="http://schemas.openxmlformats.org/officeDocument/2006/relationships/slide" Target="slides/slide19.xml"/><Relationship Id="rId27" Type="http://schemas.openxmlformats.org/officeDocument/2006/relationships/font" Target="fonts/font4.fntdata"/><Relationship Id="rId30" Type="http://schemas.openxmlformats.org/officeDocument/2006/relationships/font" Target="fonts/font7.fntdata"/><Relationship Id="rId35" Type="http://schemas.openxmlformats.org/officeDocument/2006/relationships/font" Target="fonts/font12.fntdata"/><Relationship Id="rId43" Type="http://schemas.openxmlformats.org/officeDocument/2006/relationships/font" Target="fonts/font20.fntdata"/><Relationship Id="rId48" Type="http://schemas.openxmlformats.org/officeDocument/2006/relationships/tableStyles" Target="tableStyles.xml"/><Relationship Id="rId8" Type="http://schemas.openxmlformats.org/officeDocument/2006/relationships/slide" Target="slides/slide5.xml"/><Relationship Id="rId3" Type="http://schemas.openxmlformats.org/officeDocument/2006/relationships/slideMaster" Target="slideMasters/slideMaster3.xml"/><Relationship Id="rId12" Type="http://schemas.openxmlformats.org/officeDocument/2006/relationships/slide" Target="slides/slide9.xml"/><Relationship Id="rId17" Type="http://schemas.openxmlformats.org/officeDocument/2006/relationships/slide" Target="slides/slide14.xml"/><Relationship Id="rId25" Type="http://schemas.openxmlformats.org/officeDocument/2006/relationships/font" Target="fonts/font2.fntdata"/><Relationship Id="rId33" Type="http://schemas.openxmlformats.org/officeDocument/2006/relationships/font" Target="fonts/font10.fntdata"/><Relationship Id="rId38" Type="http://schemas.openxmlformats.org/officeDocument/2006/relationships/font" Target="fonts/font15.fntdata"/><Relationship Id="rId46" Type="http://schemas.openxmlformats.org/officeDocument/2006/relationships/viewProps" Target="viewProps.xml"/><Relationship Id="rId20" Type="http://schemas.openxmlformats.org/officeDocument/2006/relationships/slide" Target="slides/slide17.xml"/><Relationship Id="rId41" Type="http://schemas.openxmlformats.org/officeDocument/2006/relationships/font" Target="fonts/font18.fntdata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Üst Bilgi Yer Tutucusu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3" name="Veri Yer Tutucusu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FD5BB3D-31A0-41A6-B724-D3B51BFD9DB6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4" name="Slayt Resmi Yer Tutucusu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tr-TR"/>
          </a:p>
        </p:txBody>
      </p:sp>
      <p:sp>
        <p:nvSpPr>
          <p:cNvPr id="5" name="Not Yer Tutucusu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6" name="Alt Bilgi Yer Tutucusu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tr-TR"/>
          </a:p>
        </p:txBody>
      </p:sp>
      <p:sp>
        <p:nvSpPr>
          <p:cNvPr id="7" name="Slayt Numarası Yer Tutucusu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8DBB30F-685C-4358-981C-EC2A34F16200}" type="slidenum">
              <a:rPr lang="tr-TR" smtClean="0"/>
              <a:t>‹#›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78185911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 dirty="0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84CF791-25A5-4D7A-8729-315C12AED855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9679962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10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77583576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11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04577868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1511267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1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04758072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1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32672716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1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720090618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B9FBBEA-CF7B-2304-41D2-104A198FEE0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>
            <a:extLst>
              <a:ext uri="{FF2B5EF4-FFF2-40B4-BE49-F238E27FC236}">
                <a16:creationId xmlns:a16="http://schemas.microsoft.com/office/drawing/2014/main" id="{C880FBF5-3356-D963-3846-6274501DFBBE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>
            <a:extLst>
              <a:ext uri="{FF2B5EF4-FFF2-40B4-BE49-F238E27FC236}">
                <a16:creationId xmlns:a16="http://schemas.microsoft.com/office/drawing/2014/main" id="{17F69853-B41B-0E53-79C6-E09B1D40B73C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>
            <a:extLst>
              <a:ext uri="{FF2B5EF4-FFF2-40B4-BE49-F238E27FC236}">
                <a16:creationId xmlns:a16="http://schemas.microsoft.com/office/drawing/2014/main" id="{59445409-391E-B86A-4D27-544E49279C90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6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938567423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1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86009699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1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917331476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20332BD4-BC30-401C-BFD3-1861D1E9DE80}" type="slidenum">
              <a:rPr kumimoji="0" lang="tr-T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9</a:t>
            </a:fld>
            <a:endParaRPr kumimoji="0" lang="tr-T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07621696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2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10811409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3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9501926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4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34057519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5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7901413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6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254639316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7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61673961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8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198362612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yt Resmi Yer Tutucusu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 Yer Tutucusu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8DBB30F-685C-4358-981C-EC2A34F16200}" type="slidenum">
              <a:rPr lang="tr-TR" smtClean="0"/>
              <a:t>9</a:t>
            </a:fld>
            <a:endParaRPr lang="tr-TR"/>
          </a:p>
        </p:txBody>
      </p:sp>
    </p:spTree>
    <p:extLst>
      <p:ext uri="{BB962C8B-B14F-4D97-AF65-F5344CB8AC3E}">
        <p14:creationId xmlns:p14="http://schemas.microsoft.com/office/powerpoint/2010/main" val="334596635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3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4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5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6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8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9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0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1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2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3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4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5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6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7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8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9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85D055D9-3AD9-478E-E0DB-C2477E3FD06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AF324E0E-4D68-8633-87C3-B9830B120D3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2EDB8D0-98ED-4B86-9D5F-E61ADC70144D}" type="datetimeFigureOut">
              <a:rPr lang="en-US" smtClean="0"/>
              <a:pPr/>
              <a:t>12/24/2024</a:t>
            </a:fld>
            <a:endParaRPr lang="en-US" dirty="0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A4949CCE-0062-7C29-F93A-02B2AE48536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469AABE2-FA76-9500-FEB2-862BB2C2050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54181D-6920-4594-9A5D-6CE56DC9F8B2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878196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4DE1A06-8754-4870-9E44-E39BADAD9845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2286000" y="1683545"/>
            <a:ext cx="13716000" cy="3581400"/>
          </a:xfrm>
        </p:spPr>
        <p:txBody>
          <a:bodyPr anchor="b"/>
          <a:lstStyle>
            <a:lvl1pPr algn="ctr">
              <a:defRPr sz="9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3527F020-BBC3-49BB-91C2-5B2CBD64B3C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286000" y="5403057"/>
            <a:ext cx="13716000" cy="2483643"/>
          </a:xfrm>
        </p:spPr>
        <p:txBody>
          <a:bodyPr/>
          <a:lstStyle>
            <a:lvl1pPr marL="0" indent="0" algn="ctr">
              <a:buNone/>
              <a:defRPr sz="3600"/>
            </a:lvl1pPr>
            <a:lvl2pPr marL="685800" indent="0" algn="ctr">
              <a:buNone/>
              <a:defRPr sz="3000"/>
            </a:lvl2pPr>
            <a:lvl3pPr marL="1371600" indent="0" algn="ctr">
              <a:buNone/>
              <a:defRPr sz="2700"/>
            </a:lvl3pPr>
            <a:lvl4pPr marL="2057400" indent="0" algn="ctr">
              <a:buNone/>
              <a:defRPr sz="2400"/>
            </a:lvl4pPr>
            <a:lvl5pPr marL="2743200" indent="0" algn="ctr">
              <a:buNone/>
              <a:defRPr sz="2400"/>
            </a:lvl5pPr>
            <a:lvl6pPr marL="3429000" indent="0" algn="ctr">
              <a:buNone/>
              <a:defRPr sz="2400"/>
            </a:lvl6pPr>
            <a:lvl7pPr marL="4114800" indent="0" algn="ctr">
              <a:buNone/>
              <a:defRPr sz="2400"/>
            </a:lvl7pPr>
            <a:lvl8pPr marL="4800600" indent="0" algn="ctr">
              <a:buNone/>
              <a:defRPr sz="2400"/>
            </a:lvl8pPr>
            <a:lvl9pPr marL="5486400" indent="0" algn="ctr">
              <a:buNone/>
              <a:defRPr sz="24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67C0C22-EBDA-4130-87AE-CB28BC19B07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2EDB8D0-98ED-4B86-9D5F-E61ADC70144D}" type="datetimeFigureOut">
              <a:rPr lang="en-US" smtClean="0"/>
              <a:t>12/24/2024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2A419A8-07CA-4A4C-AEC2-C40D4D50AFA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9FA7B86-E610-42EA-B4DC-C2F44778527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54181D-6920-4594-9A5D-6CE56DC9F8B2}" type="slidenum">
              <a:rPr lang="en-US" smtClean="0"/>
              <a:t>‹#›</a:t>
            </a:fld>
            <a:endParaRPr lang="en-US"/>
          </a:p>
        </p:txBody>
      </p:sp>
      <p:sp>
        <p:nvSpPr>
          <p:cNvPr id="7" name="Freeform: Shape 6">
            <a:extLst>
              <a:ext uri="{FF2B5EF4-FFF2-40B4-BE49-F238E27FC236}">
                <a16:creationId xmlns:a16="http://schemas.microsoft.com/office/drawing/2014/main" id="{8A7BA06D-B3FF-4E91-8639-B4569AE3AA23}"/>
              </a:ext>
            </a:extLst>
          </p:cNvPr>
          <p:cNvSpPr/>
          <p:nvPr/>
        </p:nvSpPr>
        <p:spPr>
          <a:xfrm>
            <a:off x="15313043" y="2"/>
            <a:ext cx="1702599" cy="716996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Arc 7">
            <a:extLst>
              <a:ext uri="{FF2B5EF4-FFF2-40B4-BE49-F238E27FC236}">
                <a16:creationId xmlns:a16="http://schemas.microsoft.com/office/drawing/2014/main" id="{2B30C86D-5A07-48BC-9C9D-6F9A2DB1E9E1}"/>
              </a:ext>
            </a:extLst>
          </p:cNvPr>
          <p:cNvSpPr/>
          <p:nvPr/>
        </p:nvSpPr>
        <p:spPr>
          <a:xfrm rot="10800000" flipV="1">
            <a:off x="833566" y="1597244"/>
            <a:ext cx="6125150" cy="6125150"/>
          </a:xfrm>
          <a:prstGeom prst="arc">
            <a:avLst/>
          </a:prstGeom>
          <a:ln w="127000" cap="rnd">
            <a:solidFill>
              <a:schemeClr val="accent4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8103583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49FF209-11EE-4A3F-9685-A155FECD0DC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0A47AF11-F208-4FDA-9E19-D6CA3472134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257300" y="2738437"/>
            <a:ext cx="15773400" cy="5789613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6E82FA1-02B7-467E-9F16-D178149407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2EDB8D0-98ED-4B86-9D5F-E61ADC70144D}" type="datetimeFigureOut">
              <a:rPr lang="en-US" smtClean="0"/>
              <a:t>12/24/2024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D389247-FB8A-4494-859B-B3754B02A5E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2CA5B62-3338-46A5-B381-A63B88CB0D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54181D-6920-4594-9A5D-6CE56DC9F8B2}" type="slidenum">
              <a:rPr lang="en-US" smtClean="0"/>
              <a:t>‹#›</a:t>
            </a:fld>
            <a:endParaRPr lang="en-US"/>
          </a:p>
        </p:txBody>
      </p:sp>
      <p:sp>
        <p:nvSpPr>
          <p:cNvPr id="7" name="Freeform: Shape 6">
            <a:extLst>
              <a:ext uri="{FF2B5EF4-FFF2-40B4-BE49-F238E27FC236}">
                <a16:creationId xmlns:a16="http://schemas.microsoft.com/office/drawing/2014/main" id="{23DA7759-3209-4FE2-96D1-4EEDD81E9EA0}"/>
              </a:ext>
            </a:extLst>
          </p:cNvPr>
          <p:cNvSpPr/>
          <p:nvPr/>
        </p:nvSpPr>
        <p:spPr>
          <a:xfrm>
            <a:off x="15741650" y="3"/>
            <a:ext cx="1273992" cy="536502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Freeform: Shape 7">
            <a:extLst>
              <a:ext uri="{FF2B5EF4-FFF2-40B4-BE49-F238E27FC236}">
                <a16:creationId xmlns:a16="http://schemas.microsoft.com/office/drawing/2014/main" id="{41460DAD-8769-4C9F-9C8C-BB0443909D76}"/>
              </a:ext>
            </a:extLst>
          </p:cNvPr>
          <p:cNvSpPr/>
          <p:nvPr/>
        </p:nvSpPr>
        <p:spPr>
          <a:xfrm flipH="1">
            <a:off x="185305" y="8576858"/>
            <a:ext cx="2657414" cy="1710143"/>
          </a:xfrm>
          <a:custGeom>
            <a:avLst/>
            <a:gdLst>
              <a:gd name="connsiteX0" fmla="*/ 1561721 w 1771609"/>
              <a:gd name="connsiteY0" fmla="*/ 763041 h 1140095"/>
              <a:gd name="connsiteX1" fmla="*/ 1623024 w 1771609"/>
              <a:gd name="connsiteY1" fmla="*/ 792810 h 1140095"/>
              <a:gd name="connsiteX2" fmla="*/ 1711735 w 1771609"/>
              <a:gd name="connsiteY2" fmla="*/ 970132 h 1140095"/>
              <a:gd name="connsiteX3" fmla="*/ 1771609 w 1771609"/>
              <a:gd name="connsiteY3" fmla="*/ 1140095 h 1140095"/>
              <a:gd name="connsiteX4" fmla="*/ 1637225 w 1771609"/>
              <a:gd name="connsiteY4" fmla="*/ 1140095 h 1140095"/>
              <a:gd name="connsiteX5" fmla="*/ 1594820 w 1771609"/>
              <a:gd name="connsiteY5" fmla="*/ 1019711 h 1140095"/>
              <a:gd name="connsiteX6" fmla="*/ 1513200 w 1771609"/>
              <a:gd name="connsiteY6" fmla="*/ 856627 h 1140095"/>
              <a:gd name="connsiteX7" fmla="*/ 1538499 w 1771609"/>
              <a:gd name="connsiteY7" fmla="*/ 770415 h 1140095"/>
              <a:gd name="connsiteX8" fmla="*/ 1561721 w 1771609"/>
              <a:gd name="connsiteY8" fmla="*/ 763041 h 1140095"/>
              <a:gd name="connsiteX9" fmla="*/ 933455 w 1771609"/>
              <a:gd name="connsiteY9" fmla="*/ 161309 h 1140095"/>
              <a:gd name="connsiteX10" fmla="*/ 957797 w 1771609"/>
              <a:gd name="connsiteY10" fmla="*/ 167970 h 1140095"/>
              <a:gd name="connsiteX11" fmla="*/ 1286982 w 1771609"/>
              <a:gd name="connsiteY11" fmla="*/ 387616 h 1140095"/>
              <a:gd name="connsiteX12" fmla="*/ 1293725 w 1771609"/>
              <a:gd name="connsiteY12" fmla="*/ 477075 h 1140095"/>
              <a:gd name="connsiteX13" fmla="*/ 1245453 w 1771609"/>
              <a:gd name="connsiteY13" fmla="*/ 499154 h 1140095"/>
              <a:gd name="connsiteX14" fmla="*/ 1245167 w 1771609"/>
              <a:gd name="connsiteY14" fmla="*/ 499154 h 1140095"/>
              <a:gd name="connsiteX15" fmla="*/ 1203638 w 1771609"/>
              <a:gd name="connsiteY15" fmla="*/ 484104 h 1140095"/>
              <a:gd name="connsiteX16" fmla="*/ 900647 w 1771609"/>
              <a:gd name="connsiteY16" fmla="*/ 281508 h 1140095"/>
              <a:gd name="connsiteX17" fmla="*/ 872454 w 1771609"/>
              <a:gd name="connsiteY17" fmla="*/ 196164 h 1140095"/>
              <a:gd name="connsiteX18" fmla="*/ 933455 w 1771609"/>
              <a:gd name="connsiteY18" fmla="*/ 161309 h 1140095"/>
              <a:gd name="connsiteX19" fmla="*/ 256260 w 1771609"/>
              <a:gd name="connsiteY19" fmla="*/ 29 h 1140095"/>
              <a:gd name="connsiteX20" fmla="*/ 454020 w 1771609"/>
              <a:gd name="connsiteY20" fmla="*/ 13474 h 1140095"/>
              <a:gd name="connsiteX21" fmla="*/ 509236 w 1771609"/>
              <a:gd name="connsiteY21" fmla="*/ 84182 h 1140095"/>
              <a:gd name="connsiteX22" fmla="*/ 445829 w 1771609"/>
              <a:gd name="connsiteY22" fmla="*/ 139871 h 1140095"/>
              <a:gd name="connsiteX23" fmla="*/ 437447 w 1771609"/>
              <a:gd name="connsiteY23" fmla="*/ 139395 h 1140095"/>
              <a:gd name="connsiteX24" fmla="*/ 73211 w 1771609"/>
              <a:gd name="connsiteY24" fmla="*/ 137204 h 1140095"/>
              <a:gd name="connsiteX25" fmla="*/ 749 w 1771609"/>
              <a:gd name="connsiteY25" fmla="*/ 84082 h 1140095"/>
              <a:gd name="connsiteX26" fmla="*/ 53871 w 1771609"/>
              <a:gd name="connsiteY26" fmla="*/ 11621 h 1140095"/>
              <a:gd name="connsiteX27" fmla="*/ 58352 w 1771609"/>
              <a:gd name="connsiteY27" fmla="*/ 11093 h 1140095"/>
              <a:gd name="connsiteX28" fmla="*/ 256260 w 1771609"/>
              <a:gd name="connsiteY28" fmla="*/ 29 h 114009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</a:cxnLst>
            <a:rect l="l" t="t" r="r" b="b"/>
            <a:pathLst>
              <a:path w="1771609" h="1140095">
                <a:moveTo>
                  <a:pt x="1561721" y="763041"/>
                </a:moveTo>
                <a:cubicBezTo>
                  <a:pt x="1585506" y="760324"/>
                  <a:pt x="1609722" y="771249"/>
                  <a:pt x="1623024" y="792810"/>
                </a:cubicBezTo>
                <a:cubicBezTo>
                  <a:pt x="1656300" y="850065"/>
                  <a:pt x="1685920" y="909291"/>
                  <a:pt x="1711735" y="970132"/>
                </a:cubicBezTo>
                <a:lnTo>
                  <a:pt x="1771609" y="1140095"/>
                </a:lnTo>
                <a:lnTo>
                  <a:pt x="1637225" y="1140095"/>
                </a:lnTo>
                <a:lnTo>
                  <a:pt x="1594820" y="1019711"/>
                </a:lnTo>
                <a:cubicBezTo>
                  <a:pt x="1571072" y="963753"/>
                  <a:pt x="1543818" y="909282"/>
                  <a:pt x="1513200" y="856627"/>
                </a:cubicBezTo>
                <a:cubicBezTo>
                  <a:pt x="1496379" y="825834"/>
                  <a:pt x="1507704" y="787236"/>
                  <a:pt x="1538499" y="770415"/>
                </a:cubicBezTo>
                <a:cubicBezTo>
                  <a:pt x="1545912" y="766367"/>
                  <a:pt x="1553792" y="763946"/>
                  <a:pt x="1561721" y="763041"/>
                </a:cubicBezTo>
                <a:close/>
                <a:moveTo>
                  <a:pt x="933455" y="161309"/>
                </a:moveTo>
                <a:cubicBezTo>
                  <a:pt x="941693" y="161855"/>
                  <a:pt x="949959" y="164025"/>
                  <a:pt x="957797" y="167970"/>
                </a:cubicBezTo>
                <a:cubicBezTo>
                  <a:pt x="1076184" y="227289"/>
                  <a:pt x="1186759" y="301068"/>
                  <a:pt x="1286982" y="387616"/>
                </a:cubicBezTo>
                <a:cubicBezTo>
                  <a:pt x="1313547" y="410457"/>
                  <a:pt x="1316566" y="450510"/>
                  <a:pt x="1293725" y="477075"/>
                </a:cubicBezTo>
                <a:cubicBezTo>
                  <a:pt x="1281638" y="491137"/>
                  <a:pt x="1263998" y="499204"/>
                  <a:pt x="1245453" y="499154"/>
                </a:cubicBezTo>
                <a:lnTo>
                  <a:pt x="1245167" y="499154"/>
                </a:lnTo>
                <a:cubicBezTo>
                  <a:pt x="1229965" y="499301"/>
                  <a:pt x="1215220" y="493956"/>
                  <a:pt x="1203638" y="484104"/>
                </a:cubicBezTo>
                <a:cubicBezTo>
                  <a:pt x="1111407" y="404300"/>
                  <a:pt x="1009633" y="336248"/>
                  <a:pt x="900647" y="281508"/>
                </a:cubicBezTo>
                <a:cubicBezTo>
                  <a:pt x="869295" y="265726"/>
                  <a:pt x="856672" y="227516"/>
                  <a:pt x="872454" y="196164"/>
                </a:cubicBezTo>
                <a:cubicBezTo>
                  <a:pt x="884290" y="172650"/>
                  <a:pt x="908742" y="159670"/>
                  <a:pt x="933455" y="161309"/>
                </a:cubicBezTo>
                <a:close/>
                <a:moveTo>
                  <a:pt x="256260" y="29"/>
                </a:moveTo>
                <a:cubicBezTo>
                  <a:pt x="322331" y="427"/>
                  <a:pt x="388378" y="4909"/>
                  <a:pt x="454020" y="13474"/>
                </a:cubicBezTo>
                <a:cubicBezTo>
                  <a:pt x="488793" y="17752"/>
                  <a:pt x="513514" y="49409"/>
                  <a:pt x="509236" y="84182"/>
                </a:cubicBezTo>
                <a:cubicBezTo>
                  <a:pt x="505303" y="116151"/>
                  <a:pt x="478038" y="140098"/>
                  <a:pt x="445829" y="139871"/>
                </a:cubicBezTo>
                <a:cubicBezTo>
                  <a:pt x="443027" y="139899"/>
                  <a:pt x="440227" y="139740"/>
                  <a:pt x="437447" y="139395"/>
                </a:cubicBezTo>
                <a:cubicBezTo>
                  <a:pt x="316592" y="123615"/>
                  <a:pt x="194247" y="122878"/>
                  <a:pt x="73211" y="137204"/>
                </a:cubicBezTo>
                <a:cubicBezTo>
                  <a:pt x="38532" y="142545"/>
                  <a:pt x="6090" y="118762"/>
                  <a:pt x="749" y="84082"/>
                </a:cubicBezTo>
                <a:cubicBezTo>
                  <a:pt x="-4591" y="49403"/>
                  <a:pt x="19192" y="16961"/>
                  <a:pt x="53871" y="11621"/>
                </a:cubicBezTo>
                <a:cubicBezTo>
                  <a:pt x="55358" y="11392"/>
                  <a:pt x="56852" y="11216"/>
                  <a:pt x="58352" y="11093"/>
                </a:cubicBezTo>
                <a:cubicBezTo>
                  <a:pt x="124093" y="3319"/>
                  <a:pt x="190189" y="-369"/>
                  <a:pt x="256260" y="29"/>
                </a:cubicBezTo>
                <a:close/>
              </a:path>
            </a:pathLst>
          </a:custGeom>
          <a:solidFill>
            <a:schemeClr val="accent4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76944391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04C0001-5D76-45A0-A9F4-7172BDDD5D2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47775" y="2564608"/>
            <a:ext cx="15773400" cy="4279106"/>
          </a:xfrm>
        </p:spPr>
        <p:txBody>
          <a:bodyPr anchor="b"/>
          <a:lstStyle>
            <a:lvl1pPr>
              <a:defRPr sz="9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E1462C4-0E4B-4DB7-A8BF-FE55142760A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47775" y="6884195"/>
            <a:ext cx="15773400" cy="2250281"/>
          </a:xfrm>
        </p:spPr>
        <p:txBody>
          <a:bodyPr/>
          <a:lstStyle>
            <a:lvl1pPr marL="0" indent="0">
              <a:buNone/>
              <a:defRPr sz="3600">
                <a:solidFill>
                  <a:schemeClr val="tx1">
                    <a:tint val="75000"/>
                  </a:schemeClr>
                </a:solidFill>
              </a:defRPr>
            </a:lvl1pPr>
            <a:lvl2pPr marL="685800" indent="0">
              <a:buNone/>
              <a:defRPr sz="3000">
                <a:solidFill>
                  <a:schemeClr val="tx1">
                    <a:tint val="75000"/>
                  </a:schemeClr>
                </a:solidFill>
              </a:defRPr>
            </a:lvl2pPr>
            <a:lvl3pPr marL="1371600" indent="0">
              <a:buNone/>
              <a:defRPr sz="2700">
                <a:solidFill>
                  <a:schemeClr val="tx1">
                    <a:tint val="75000"/>
                  </a:schemeClr>
                </a:solidFill>
              </a:defRPr>
            </a:lvl3pPr>
            <a:lvl4pPr marL="205740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4pPr>
            <a:lvl5pPr marL="274320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5pPr>
            <a:lvl6pPr marL="342900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6pPr>
            <a:lvl7pPr marL="411480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7pPr>
            <a:lvl8pPr marL="480060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8pPr>
            <a:lvl9pPr marL="548640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AA5F313-1240-47AE-A026-7F349292B5C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2EDB8D0-98ED-4B86-9D5F-E61ADC70144D}" type="datetimeFigureOut">
              <a:rPr lang="en-US" smtClean="0"/>
              <a:t>12/24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2448158-6132-4335-B8E1-F6A89638377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494C5B6-1598-48B4-9B3A-3078FDBE90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54181D-6920-4594-9A5D-6CE56DC9F8B2}" type="slidenum">
              <a:rPr lang="en-US" smtClean="0"/>
              <a:t>‹#›</a:t>
            </a:fld>
            <a:endParaRPr lang="en-US"/>
          </a:p>
        </p:txBody>
      </p:sp>
      <p:sp>
        <p:nvSpPr>
          <p:cNvPr id="9" name="Freeform: Shape 8">
            <a:extLst>
              <a:ext uri="{FF2B5EF4-FFF2-40B4-BE49-F238E27FC236}">
                <a16:creationId xmlns:a16="http://schemas.microsoft.com/office/drawing/2014/main" id="{FEDBDD32-D3EE-4848-A112-BA814D4631CD}"/>
              </a:ext>
            </a:extLst>
          </p:cNvPr>
          <p:cNvSpPr/>
          <p:nvPr/>
        </p:nvSpPr>
        <p:spPr>
          <a:xfrm>
            <a:off x="15313043" y="2"/>
            <a:ext cx="1702599" cy="716996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0" name="Arc 9">
            <a:extLst>
              <a:ext uri="{FF2B5EF4-FFF2-40B4-BE49-F238E27FC236}">
                <a16:creationId xmlns:a16="http://schemas.microsoft.com/office/drawing/2014/main" id="{61350361-843C-49D0-BD6A-ECDBA3842BA0}"/>
              </a:ext>
            </a:extLst>
          </p:cNvPr>
          <p:cNvSpPr/>
          <p:nvPr/>
        </p:nvSpPr>
        <p:spPr>
          <a:xfrm rot="10800000" flipV="1">
            <a:off x="833566" y="1597244"/>
            <a:ext cx="6125150" cy="6125150"/>
          </a:xfrm>
          <a:prstGeom prst="arc">
            <a:avLst/>
          </a:prstGeom>
          <a:ln w="127000" cap="rnd">
            <a:solidFill>
              <a:schemeClr val="accent4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56048909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092983E-E761-4429-9203-7FE8B2DB67E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2" y="547688"/>
            <a:ext cx="15773400" cy="198834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B921E9B7-62BE-49BA-AC6B-55250D66277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9683" y="2521745"/>
            <a:ext cx="7736681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BC41A3FD-B90A-4C31-BD6B-581F9E2E0E5E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1259683" y="3757613"/>
            <a:ext cx="7736681" cy="552688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060D1D55-B722-4968-B171-AF3B462DDAD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9258300" y="2521745"/>
            <a:ext cx="7774782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D71085A8-02C2-4E7F-935E-5AEECBAD19BE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9258300" y="3757613"/>
            <a:ext cx="7774782" cy="552688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9A8A5018-8A77-40E8-B159-4894ECF228B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2EDB8D0-98ED-4B86-9D5F-E61ADC70144D}" type="datetimeFigureOut">
              <a:rPr lang="en-US" smtClean="0"/>
              <a:t>12/24/2024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AD79441-8908-4461-9FDD-BCE63883709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C8D29F7D-B101-4950-A2C0-F350FB26D45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54181D-6920-4594-9A5D-6CE56DC9F8B2}" type="slidenum">
              <a:rPr lang="en-US" smtClean="0"/>
              <a:t>‹#›</a:t>
            </a:fld>
            <a:endParaRPr lang="en-US"/>
          </a:p>
        </p:txBody>
      </p:sp>
      <p:sp>
        <p:nvSpPr>
          <p:cNvPr id="10" name="Freeform: Shape 9">
            <a:extLst>
              <a:ext uri="{FF2B5EF4-FFF2-40B4-BE49-F238E27FC236}">
                <a16:creationId xmlns:a16="http://schemas.microsoft.com/office/drawing/2014/main" id="{862D7398-9A79-4B24-9C7D-F0DEED57C70B}"/>
              </a:ext>
            </a:extLst>
          </p:cNvPr>
          <p:cNvSpPr/>
          <p:nvPr/>
        </p:nvSpPr>
        <p:spPr>
          <a:xfrm rot="16200000">
            <a:off x="-583399" y="7261791"/>
            <a:ext cx="2606102" cy="1439304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" name="Freeform: Shape 10">
            <a:extLst>
              <a:ext uri="{FF2B5EF4-FFF2-40B4-BE49-F238E27FC236}">
                <a16:creationId xmlns:a16="http://schemas.microsoft.com/office/drawing/2014/main" id="{C07F28CD-1873-4E36-A064-2D25E0A85017}"/>
              </a:ext>
            </a:extLst>
          </p:cNvPr>
          <p:cNvSpPr/>
          <p:nvPr/>
        </p:nvSpPr>
        <p:spPr>
          <a:xfrm>
            <a:off x="15741650" y="3"/>
            <a:ext cx="1273992" cy="536502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093591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0E11BF3-02E8-4EB7-818E-652B82CF2C9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254D3190-B78C-42F1-9D62-F523886BBE5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2EDB8D0-98ED-4B86-9D5F-E61ADC70144D}" type="datetimeFigureOut">
              <a:rPr lang="en-US" smtClean="0"/>
              <a:t>12/24/2024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A381C40-F9FC-4D58-8508-F0632DF5A01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2101CBCC-4CC2-49BD-B155-01E0F4D798B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54181D-6920-4594-9A5D-6CE56DC9F8B2}" type="slidenum">
              <a:rPr lang="en-US" smtClean="0"/>
              <a:t>‹#›</a:t>
            </a:fld>
            <a:endParaRPr lang="en-US"/>
          </a:p>
        </p:txBody>
      </p:sp>
      <p:sp>
        <p:nvSpPr>
          <p:cNvPr id="6" name="Freeform: Shape 5">
            <a:extLst>
              <a:ext uri="{FF2B5EF4-FFF2-40B4-BE49-F238E27FC236}">
                <a16:creationId xmlns:a16="http://schemas.microsoft.com/office/drawing/2014/main" id="{DC13EF9C-0B5A-4364-91AA-E5DD5B536E54}"/>
              </a:ext>
            </a:extLst>
          </p:cNvPr>
          <p:cNvSpPr/>
          <p:nvPr/>
        </p:nvSpPr>
        <p:spPr>
          <a:xfrm rot="16200000">
            <a:off x="-583399" y="7261791"/>
            <a:ext cx="2606102" cy="1439304"/>
          </a:xfrm>
          <a:custGeom>
            <a:avLst/>
            <a:gdLst>
              <a:gd name="connsiteX0" fmla="*/ 0 w 1737401"/>
              <a:gd name="connsiteY0" fmla="*/ 0 h 959536"/>
              <a:gd name="connsiteX1" fmla="*/ 123825 w 1737401"/>
              <a:gd name="connsiteY1" fmla="*/ 0 h 959536"/>
              <a:gd name="connsiteX2" fmla="*/ 123825 w 1737401"/>
              <a:gd name="connsiteY2" fmla="*/ 790277 h 959536"/>
              <a:gd name="connsiteX3" fmla="*/ 1490095 w 1737401"/>
              <a:gd name="connsiteY3" fmla="*/ 0 h 959536"/>
              <a:gd name="connsiteX4" fmla="*/ 1737401 w 1737401"/>
              <a:gd name="connsiteY4" fmla="*/ 0 h 959536"/>
              <a:gd name="connsiteX5" fmla="*/ 92869 w 1737401"/>
              <a:gd name="connsiteY5" fmla="*/ 951249 h 959536"/>
              <a:gd name="connsiteX6" fmla="*/ 61913 w 1737401"/>
              <a:gd name="connsiteY6" fmla="*/ 959536 h 959536"/>
              <a:gd name="connsiteX7" fmla="*/ 0 w 1737401"/>
              <a:gd name="connsiteY7" fmla="*/ 897624 h 9595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737401" h="959536">
                <a:moveTo>
                  <a:pt x="0" y="0"/>
                </a:moveTo>
                <a:lnTo>
                  <a:pt x="123825" y="0"/>
                </a:lnTo>
                <a:lnTo>
                  <a:pt x="123825" y="790277"/>
                </a:lnTo>
                <a:lnTo>
                  <a:pt x="1490095" y="0"/>
                </a:lnTo>
                <a:lnTo>
                  <a:pt x="1737401" y="0"/>
                </a:lnTo>
                <a:lnTo>
                  <a:pt x="92869" y="951249"/>
                </a:lnTo>
                <a:cubicBezTo>
                  <a:pt x="83458" y="956688"/>
                  <a:pt x="72780" y="959546"/>
                  <a:pt x="61913" y="959536"/>
                </a:cubicBezTo>
                <a:cubicBezTo>
                  <a:pt x="27719" y="959536"/>
                  <a:pt x="0" y="931818"/>
                  <a:pt x="0" y="897624"/>
                </a:cubicBezTo>
                <a:close/>
              </a:path>
            </a:pathLst>
          </a:custGeom>
          <a:solidFill>
            <a:schemeClr val="accent6"/>
          </a:solidFill>
          <a:ln w="9525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Freeform: Shape 6">
            <a:extLst>
              <a:ext uri="{FF2B5EF4-FFF2-40B4-BE49-F238E27FC236}">
                <a16:creationId xmlns:a16="http://schemas.microsoft.com/office/drawing/2014/main" id="{8F674475-6327-490A-BD7F-084F5C07F2E4}"/>
              </a:ext>
            </a:extLst>
          </p:cNvPr>
          <p:cNvSpPr/>
          <p:nvPr/>
        </p:nvSpPr>
        <p:spPr>
          <a:xfrm>
            <a:off x="15741650" y="3"/>
            <a:ext cx="1273992" cy="536502"/>
          </a:xfrm>
          <a:custGeom>
            <a:avLst/>
            <a:gdLst>
              <a:gd name="connsiteX0" fmla="*/ 0 w 1135066"/>
              <a:gd name="connsiteY0" fmla="*/ 0 h 477997"/>
              <a:gd name="connsiteX1" fmla="*/ 1135066 w 1135066"/>
              <a:gd name="connsiteY1" fmla="*/ 0 h 477997"/>
              <a:gd name="connsiteX2" fmla="*/ 1133370 w 1135066"/>
              <a:gd name="connsiteY2" fmla="*/ 16827 h 477997"/>
              <a:gd name="connsiteX3" fmla="*/ 567533 w 1135066"/>
              <a:gd name="connsiteY3" fmla="*/ 477997 h 477997"/>
              <a:gd name="connsiteX4" fmla="*/ 1696 w 1135066"/>
              <a:gd name="connsiteY4" fmla="*/ 16827 h 4779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135066" h="477997">
                <a:moveTo>
                  <a:pt x="0" y="0"/>
                </a:moveTo>
                <a:lnTo>
                  <a:pt x="1135066" y="0"/>
                </a:lnTo>
                <a:lnTo>
                  <a:pt x="1133370" y="16827"/>
                </a:lnTo>
                <a:cubicBezTo>
                  <a:pt x="1079514" y="280016"/>
                  <a:pt x="846644" y="477997"/>
                  <a:pt x="567533" y="477997"/>
                </a:cubicBezTo>
                <a:cubicBezTo>
                  <a:pt x="288422" y="477997"/>
                  <a:pt x="55552" y="280016"/>
                  <a:pt x="1696" y="16827"/>
                </a:cubicBez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27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622486026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ntents slide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Alt Bilgi Yer Tutucusu 8">
            <a:extLst>
              <a:ext uri="{FF2B5EF4-FFF2-40B4-BE49-F238E27FC236}">
                <a16:creationId xmlns:a16="http://schemas.microsoft.com/office/drawing/2014/main" id="{CBB4822C-1558-99F5-14F0-CAAA6B1123D4}"/>
              </a:ext>
            </a:extLst>
          </p:cNvPr>
          <p:cNvSpPr txBox="1">
            <a:spLocks/>
          </p:cNvSpPr>
          <p:nvPr userDrawn="1"/>
        </p:nvSpPr>
        <p:spPr>
          <a:xfrm>
            <a:off x="10050236" y="163463"/>
            <a:ext cx="8237765" cy="505830"/>
          </a:xfrm>
          <a:prstGeom prst="rect">
            <a:avLst/>
          </a:prstGeom>
        </p:spPr>
        <p:txBody>
          <a:bodyPr vert="horz" lIns="137160" tIns="68580" rIns="137160" bIns="68580" rtlCol="0" anchor="ctr"/>
          <a:lstStyle>
            <a:defPPr>
              <a:defRPr lang="tr-TR"/>
            </a:defPPr>
            <a:lvl1pPr marL="0" algn="ctr" defTabSz="914400" rtl="0" eaLnBrk="1" latinLnBrk="0" hangingPunct="1">
              <a:defRPr sz="1200" kern="1200" cap="none" spc="0" baseline="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tr-TR" sz="36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8. Sınıf 1. Ünite: </a:t>
            </a:r>
            <a:r>
              <a:rPr kumimoji="0" lang="tr-TR" sz="3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Helvetica" panose="020B0604020202020204" pitchFamily="34" charset="0"/>
                <a:ea typeface="+mn-ea"/>
                <a:cs typeface="Helvetica" panose="020B0604020202020204" pitchFamily="34" charset="0"/>
              </a:rPr>
              <a:t>Kader ve Kaza İnancı</a:t>
            </a:r>
            <a:r>
              <a:rPr lang="tr-TR" sz="36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 </a:t>
            </a:r>
            <a:endParaRPr lang="en-US" sz="3600" dirty="0"/>
          </a:p>
        </p:txBody>
      </p:sp>
      <p:sp>
        <p:nvSpPr>
          <p:cNvPr id="13" name="Dikdörtgen 12">
            <a:extLst>
              <a:ext uri="{FF2B5EF4-FFF2-40B4-BE49-F238E27FC236}">
                <a16:creationId xmlns:a16="http://schemas.microsoft.com/office/drawing/2014/main" id="{1D1B3C60-CA73-E5D1-11FA-A07D30F54D33}"/>
              </a:ext>
            </a:extLst>
          </p:cNvPr>
          <p:cNvSpPr/>
          <p:nvPr userDrawn="1"/>
        </p:nvSpPr>
        <p:spPr>
          <a:xfrm>
            <a:off x="10076213" y="1"/>
            <a:ext cx="8211788" cy="832757"/>
          </a:xfrm>
          <a:prstGeom prst="rect">
            <a:avLst/>
          </a:prstGeom>
          <a:solidFill>
            <a:schemeClr val="accent2">
              <a:lumMod val="75000"/>
              <a:alpha val="26667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 sz="270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42296491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2055CFB0-2F45-65C0-B6F1-7D445DD99E6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A0AA3F55-225D-6B83-3104-E70618B4F37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2EDB8D0-98ED-4B86-9D5F-E61ADC70144D}" type="datetimeFigureOut">
              <a:rPr lang="en-US" smtClean="0"/>
              <a:pPr/>
              <a:t>12/24/2024</a:t>
            </a:fld>
            <a:endParaRPr lang="en-US" dirty="0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A02C7E48-B1E9-B7C1-2C1D-802C0EE7F6C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D07AA247-86FB-A271-B94E-D291B8F0F2F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54181D-6920-4594-9A5D-6CE56DC9F8B2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8625096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1E39B23F-99CD-969B-4CCC-3157D2A4A67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220978BA-6192-BF59-0FEA-4A65757ACC2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2EDB8D0-98ED-4B86-9D5F-E61ADC70144D}" type="datetimeFigureOut">
              <a:rPr lang="en-US" smtClean="0"/>
              <a:pPr/>
              <a:t>12/24/2024</a:t>
            </a:fld>
            <a:endParaRPr lang="en-US" dirty="0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D3CA025E-16B3-A864-DF2C-EC9B8ED8F85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0774514D-1FEF-BD25-CDA6-4725BB1F877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54181D-6920-4594-9A5D-6CE56DC9F8B2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5986845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Başlık Slayd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6BFABF29-82FE-38A3-58E4-CE8F7997E95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2286000" y="1683545"/>
            <a:ext cx="13716000" cy="3581400"/>
          </a:xfrm>
        </p:spPr>
        <p:txBody>
          <a:bodyPr anchor="b"/>
          <a:lstStyle>
            <a:lvl1pPr algn="ctr">
              <a:defRPr sz="9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Alt Başlık 2">
            <a:extLst>
              <a:ext uri="{FF2B5EF4-FFF2-40B4-BE49-F238E27FC236}">
                <a16:creationId xmlns:a16="http://schemas.microsoft.com/office/drawing/2014/main" id="{C1EBEB97-2C58-D39E-3FC4-48FB916B1490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286000" y="5403057"/>
            <a:ext cx="13716000" cy="2483643"/>
          </a:xfrm>
        </p:spPr>
        <p:txBody>
          <a:bodyPr/>
          <a:lstStyle>
            <a:lvl1pPr marL="0" indent="0" algn="ctr">
              <a:buNone/>
              <a:defRPr sz="3600"/>
            </a:lvl1pPr>
            <a:lvl2pPr marL="685800" indent="0" algn="ctr">
              <a:buNone/>
              <a:defRPr sz="3000"/>
            </a:lvl2pPr>
            <a:lvl3pPr marL="1371600" indent="0" algn="ctr">
              <a:buNone/>
              <a:defRPr sz="2700"/>
            </a:lvl3pPr>
            <a:lvl4pPr marL="2057400" indent="0" algn="ctr">
              <a:buNone/>
              <a:defRPr sz="2400"/>
            </a:lvl4pPr>
            <a:lvl5pPr marL="2743200" indent="0" algn="ctr">
              <a:buNone/>
              <a:defRPr sz="2400"/>
            </a:lvl5pPr>
            <a:lvl6pPr marL="3429000" indent="0" algn="ctr">
              <a:buNone/>
              <a:defRPr sz="2400"/>
            </a:lvl6pPr>
            <a:lvl7pPr marL="4114800" indent="0" algn="ctr">
              <a:buNone/>
              <a:defRPr sz="2400"/>
            </a:lvl7pPr>
            <a:lvl8pPr marL="4800600" indent="0" algn="ctr">
              <a:buNone/>
              <a:defRPr sz="2400"/>
            </a:lvl8pPr>
            <a:lvl9pPr marL="5486400" indent="0" algn="ctr">
              <a:buNone/>
              <a:defRPr sz="2400"/>
            </a:lvl9pPr>
          </a:lstStyle>
          <a:p>
            <a:r>
              <a:rPr lang="tr-TR"/>
              <a:t>Asıl alt başlık stil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633776E9-6EF1-44AA-9E8C-6EC9C78FF41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7EFEB06F-B17A-8092-6EBD-178A29F370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91592F27-E8D7-4CD3-BE60-0A305E4583B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0640099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aşlık ve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93A3E5B-AAA4-0568-18CF-27E89FA2F61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8FF2449D-D8CE-053A-C792-F4A70BB46AA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B1F00615-4CFE-CB01-DC03-36B9038F97A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A9540FD3-4ECE-87E2-48C4-69F9627A86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BD04B2EF-3581-DC63-4989-73F00B3A80C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64191503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Bölüm Üst Bilgis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FED99D0A-1D7A-E7A0-EA45-9894176B16E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47775" y="2564608"/>
            <a:ext cx="15773400" cy="4279106"/>
          </a:xfrm>
        </p:spPr>
        <p:txBody>
          <a:bodyPr anchor="b"/>
          <a:lstStyle>
            <a:lvl1pPr>
              <a:defRPr sz="90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A086D603-1099-14BA-A32E-4B0BF89D18E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47775" y="6884195"/>
            <a:ext cx="15773400" cy="2250281"/>
          </a:xfrm>
        </p:spPr>
        <p:txBody>
          <a:bodyPr/>
          <a:lstStyle>
            <a:lvl1pPr marL="0" indent="0">
              <a:buNone/>
              <a:defRPr sz="3600">
                <a:solidFill>
                  <a:schemeClr val="tx1">
                    <a:tint val="82000"/>
                  </a:schemeClr>
                </a:solidFill>
              </a:defRPr>
            </a:lvl1pPr>
            <a:lvl2pPr marL="685800" indent="0">
              <a:buNone/>
              <a:defRPr sz="3000">
                <a:solidFill>
                  <a:schemeClr val="tx1">
                    <a:tint val="82000"/>
                  </a:schemeClr>
                </a:solidFill>
              </a:defRPr>
            </a:lvl2pPr>
            <a:lvl3pPr marL="1371600" indent="0">
              <a:buNone/>
              <a:defRPr sz="2700">
                <a:solidFill>
                  <a:schemeClr val="tx1">
                    <a:tint val="82000"/>
                  </a:schemeClr>
                </a:solidFill>
              </a:defRPr>
            </a:lvl3pPr>
            <a:lvl4pPr marL="20574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4pPr>
            <a:lvl5pPr marL="27432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5pPr>
            <a:lvl6pPr marL="34290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6pPr>
            <a:lvl7pPr marL="41148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7pPr>
            <a:lvl8pPr marL="48006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8pPr>
            <a:lvl9pPr marL="548640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F2E3D41-B9B9-10B8-E2DE-0818EAC06D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0DFC8FB2-FB0E-240B-4BB1-D166A405DC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30C2A265-679A-DDCB-5423-07C99F6A63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12745221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İki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7E788B2-7961-E4C2-AD53-D8765623EAB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D83BD7-E036-0B81-4516-66D829CF412E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1257300" y="2738438"/>
            <a:ext cx="7772400" cy="6527007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4DAD771F-871F-C0FF-38CF-72FA28FA917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9258300" y="2738438"/>
            <a:ext cx="7772400" cy="6527007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C9AEA650-9F00-4ED7-57EB-843F0C27EC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77059666-AACA-381F-8399-12A9B606C7D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E0F92A53-25FC-F430-1880-AC865B6890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11675329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Karşılaştırm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B5577A7F-70A0-D267-F788-A5D940F67FB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2" y="547688"/>
            <a:ext cx="15773400" cy="1988345"/>
          </a:xfrm>
        </p:spPr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D7A45636-B0E7-E1CB-0A89-345DC040FF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9683" y="2521745"/>
            <a:ext cx="7736681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4" name="İçerik Yer Tutucusu 3">
            <a:extLst>
              <a:ext uri="{FF2B5EF4-FFF2-40B4-BE49-F238E27FC236}">
                <a16:creationId xmlns:a16="http://schemas.microsoft.com/office/drawing/2014/main" id="{C2CD18E1-29DE-7B80-BB0E-C3BD044F3D1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1259683" y="3757613"/>
            <a:ext cx="7736681" cy="5526882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5" name="Metin Yer Tutucusu 4">
            <a:extLst>
              <a:ext uri="{FF2B5EF4-FFF2-40B4-BE49-F238E27FC236}">
                <a16:creationId xmlns:a16="http://schemas.microsoft.com/office/drawing/2014/main" id="{2BD5BD68-C982-683D-A26A-8328A3973E4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9258300" y="2521745"/>
            <a:ext cx="7774782" cy="1235868"/>
          </a:xfrm>
        </p:spPr>
        <p:txBody>
          <a:bodyPr anchor="b"/>
          <a:lstStyle>
            <a:lvl1pPr marL="0" indent="0">
              <a:buNone/>
              <a:defRPr sz="3600" b="1"/>
            </a:lvl1pPr>
            <a:lvl2pPr marL="685800" indent="0">
              <a:buNone/>
              <a:defRPr sz="3000" b="1"/>
            </a:lvl2pPr>
            <a:lvl3pPr marL="1371600" indent="0">
              <a:buNone/>
              <a:defRPr sz="2700" b="1"/>
            </a:lvl3pPr>
            <a:lvl4pPr marL="2057400" indent="0">
              <a:buNone/>
              <a:defRPr sz="2400" b="1"/>
            </a:lvl4pPr>
            <a:lvl5pPr marL="2743200" indent="0">
              <a:buNone/>
              <a:defRPr sz="2400" b="1"/>
            </a:lvl5pPr>
            <a:lvl6pPr marL="3429000" indent="0">
              <a:buNone/>
              <a:defRPr sz="2400" b="1"/>
            </a:lvl6pPr>
            <a:lvl7pPr marL="4114800" indent="0">
              <a:buNone/>
              <a:defRPr sz="2400" b="1"/>
            </a:lvl7pPr>
            <a:lvl8pPr marL="4800600" indent="0">
              <a:buNone/>
              <a:defRPr sz="2400" b="1"/>
            </a:lvl8pPr>
            <a:lvl9pPr marL="5486400" indent="0">
              <a:buNone/>
              <a:defRPr sz="2400" b="1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6" name="İçerik Yer Tutucusu 5">
            <a:extLst>
              <a:ext uri="{FF2B5EF4-FFF2-40B4-BE49-F238E27FC236}">
                <a16:creationId xmlns:a16="http://schemas.microsoft.com/office/drawing/2014/main" id="{5CF4B1DF-F84A-37AF-2FBC-C410B2A76C62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9258300" y="3757613"/>
            <a:ext cx="7774782" cy="5526882"/>
          </a:xfrm>
        </p:spPr>
        <p:txBody>
          <a:bodyPr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7" name="Veri Yer Tutucusu 6">
            <a:extLst>
              <a:ext uri="{FF2B5EF4-FFF2-40B4-BE49-F238E27FC236}">
                <a16:creationId xmlns:a16="http://schemas.microsoft.com/office/drawing/2014/main" id="{9D5C0BEE-FF1B-B749-C511-2E6E5D51493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8" name="Alt Bilgi Yer Tutucusu 7">
            <a:extLst>
              <a:ext uri="{FF2B5EF4-FFF2-40B4-BE49-F238E27FC236}">
                <a16:creationId xmlns:a16="http://schemas.microsoft.com/office/drawing/2014/main" id="{E12878EB-FC64-76B5-941D-85F26F07BD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9" name="Slayt Numarası Yer Tutucusu 8">
            <a:extLst>
              <a:ext uri="{FF2B5EF4-FFF2-40B4-BE49-F238E27FC236}">
                <a16:creationId xmlns:a16="http://schemas.microsoft.com/office/drawing/2014/main" id="{352EFDED-886B-C457-8100-12A8BD2F9AD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72800342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Yalnızca Başlı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AD8153D6-0ED0-2BC8-5D27-C5B585F0C7C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B90D60BA-EA9C-EA1E-DE9F-60B364DDBEF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FAF241F8-1EFC-B638-C746-B1B176BFF1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83F4434F-62F1-7436-309B-A7096D4962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79681325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oş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i Yer Tutucusu 1">
            <a:extLst>
              <a:ext uri="{FF2B5EF4-FFF2-40B4-BE49-F238E27FC236}">
                <a16:creationId xmlns:a16="http://schemas.microsoft.com/office/drawing/2014/main" id="{7D78CDEC-AB82-C2D8-CAA5-F8D3DCDE124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3" name="Alt Bilgi Yer Tutucusu 2">
            <a:extLst>
              <a:ext uri="{FF2B5EF4-FFF2-40B4-BE49-F238E27FC236}">
                <a16:creationId xmlns:a16="http://schemas.microsoft.com/office/drawing/2014/main" id="{093D2D47-AF96-11DA-355C-7BA0B2FC053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4" name="Slayt Numarası Yer Tutucusu 3">
            <a:extLst>
              <a:ext uri="{FF2B5EF4-FFF2-40B4-BE49-F238E27FC236}">
                <a16:creationId xmlns:a16="http://schemas.microsoft.com/office/drawing/2014/main" id="{D7E60ABE-A5FF-987F-808F-FC531D4FBE9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72866902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Başlıklı İçeri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0CAAEBF9-E975-AA48-C6F8-AF7EFC8DCFD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3" y="685800"/>
            <a:ext cx="5898356" cy="2400300"/>
          </a:xfrm>
        </p:spPr>
        <p:txBody>
          <a:bodyPr anchor="b"/>
          <a:lstStyle>
            <a:lvl1pPr>
              <a:defRPr sz="48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İçerik Yer Tutucusu 2">
            <a:extLst>
              <a:ext uri="{FF2B5EF4-FFF2-40B4-BE49-F238E27FC236}">
                <a16:creationId xmlns:a16="http://schemas.microsoft.com/office/drawing/2014/main" id="{D309E7EC-0E1B-A58E-915C-D3375A5E0D7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7774782" y="1481138"/>
            <a:ext cx="9258300" cy="7310438"/>
          </a:xfrm>
        </p:spPr>
        <p:txBody>
          <a:bodyPr/>
          <a:lstStyle>
            <a:lvl1pPr>
              <a:defRPr sz="4800"/>
            </a:lvl1pPr>
            <a:lvl2pPr>
              <a:defRPr sz="4200"/>
            </a:lvl2pPr>
            <a:lvl3pPr>
              <a:defRPr sz="3600"/>
            </a:lvl3pPr>
            <a:lvl4pPr>
              <a:defRPr sz="3000"/>
            </a:lvl4pPr>
            <a:lvl5pPr>
              <a:defRPr sz="3000"/>
            </a:lvl5pPr>
            <a:lvl6pPr>
              <a:defRPr sz="3000"/>
            </a:lvl6pPr>
            <a:lvl7pPr>
              <a:defRPr sz="3000"/>
            </a:lvl7pPr>
            <a:lvl8pPr>
              <a:defRPr sz="3000"/>
            </a:lvl8pPr>
            <a:lvl9pPr>
              <a:defRPr sz="3000"/>
            </a:lvl9pPr>
          </a:lstStyle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6CB04B42-1E3D-0F3A-611E-175DC3AFDF9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1259683" y="3086100"/>
            <a:ext cx="5898356" cy="5717382"/>
          </a:xfrm>
        </p:spPr>
        <p:txBody>
          <a:bodyPr/>
          <a:lstStyle>
            <a:lvl1pPr marL="0" indent="0">
              <a:buNone/>
              <a:defRPr sz="2400"/>
            </a:lvl1pPr>
            <a:lvl2pPr marL="685800" indent="0">
              <a:buNone/>
              <a:defRPr sz="2100"/>
            </a:lvl2pPr>
            <a:lvl3pPr marL="1371600" indent="0">
              <a:buNone/>
              <a:defRPr sz="1800"/>
            </a:lvl3pPr>
            <a:lvl4pPr marL="2057400" indent="0">
              <a:buNone/>
              <a:defRPr sz="1500"/>
            </a:lvl4pPr>
            <a:lvl5pPr marL="2743200" indent="0">
              <a:buNone/>
              <a:defRPr sz="1500"/>
            </a:lvl5pPr>
            <a:lvl6pPr marL="3429000" indent="0">
              <a:buNone/>
              <a:defRPr sz="1500"/>
            </a:lvl6pPr>
            <a:lvl7pPr marL="4114800" indent="0">
              <a:buNone/>
              <a:defRPr sz="1500"/>
            </a:lvl7pPr>
            <a:lvl8pPr marL="4800600" indent="0">
              <a:buNone/>
              <a:defRPr sz="1500"/>
            </a:lvl8pPr>
            <a:lvl9pPr marL="5486400" indent="0">
              <a:buNone/>
              <a:defRPr sz="15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839BFEBA-B3BE-8063-D7CA-9846154280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1F87CA36-BAF2-DB12-05DC-DDABF38AE2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D9719001-CE22-3016-A1A1-6849E35F567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90149442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Başlıklı Resi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D0CB7F70-371C-2739-CA23-BCAC3E602CC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9683" y="685800"/>
            <a:ext cx="5898356" cy="2400300"/>
          </a:xfrm>
        </p:spPr>
        <p:txBody>
          <a:bodyPr anchor="b"/>
          <a:lstStyle>
            <a:lvl1pPr>
              <a:defRPr sz="4800"/>
            </a:lvl1pPr>
          </a:lstStyle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Resim Yer Tutucusu 2">
            <a:extLst>
              <a:ext uri="{FF2B5EF4-FFF2-40B4-BE49-F238E27FC236}">
                <a16:creationId xmlns:a16="http://schemas.microsoft.com/office/drawing/2014/main" id="{448B710D-5717-18C4-7E1C-75D20D41AD29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7774782" y="1481138"/>
            <a:ext cx="9258300" cy="7310438"/>
          </a:xfrm>
        </p:spPr>
        <p:txBody>
          <a:bodyPr/>
          <a:lstStyle>
            <a:lvl1pPr marL="0" indent="0">
              <a:buNone/>
              <a:defRPr sz="4800"/>
            </a:lvl1pPr>
            <a:lvl2pPr marL="685800" indent="0">
              <a:buNone/>
              <a:defRPr sz="4200"/>
            </a:lvl2pPr>
            <a:lvl3pPr marL="1371600" indent="0">
              <a:buNone/>
              <a:defRPr sz="3600"/>
            </a:lvl3pPr>
            <a:lvl4pPr marL="2057400" indent="0">
              <a:buNone/>
              <a:defRPr sz="3000"/>
            </a:lvl4pPr>
            <a:lvl5pPr marL="2743200" indent="0">
              <a:buNone/>
              <a:defRPr sz="3000"/>
            </a:lvl5pPr>
            <a:lvl6pPr marL="3429000" indent="0">
              <a:buNone/>
              <a:defRPr sz="3000"/>
            </a:lvl6pPr>
            <a:lvl7pPr marL="4114800" indent="0">
              <a:buNone/>
              <a:defRPr sz="3000"/>
            </a:lvl7pPr>
            <a:lvl8pPr marL="4800600" indent="0">
              <a:buNone/>
              <a:defRPr sz="3000"/>
            </a:lvl8pPr>
            <a:lvl9pPr marL="5486400" indent="0">
              <a:buNone/>
              <a:defRPr sz="3000"/>
            </a:lvl9pPr>
          </a:lstStyle>
          <a:p>
            <a:endParaRPr lang="tr-TR"/>
          </a:p>
        </p:txBody>
      </p:sp>
      <p:sp>
        <p:nvSpPr>
          <p:cNvPr id="4" name="Metin Yer Tutucusu 3">
            <a:extLst>
              <a:ext uri="{FF2B5EF4-FFF2-40B4-BE49-F238E27FC236}">
                <a16:creationId xmlns:a16="http://schemas.microsoft.com/office/drawing/2014/main" id="{0D5178FA-61E5-48EB-C829-D66A5B052FD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1259683" y="3086100"/>
            <a:ext cx="5898356" cy="5717382"/>
          </a:xfrm>
        </p:spPr>
        <p:txBody>
          <a:bodyPr/>
          <a:lstStyle>
            <a:lvl1pPr marL="0" indent="0">
              <a:buNone/>
              <a:defRPr sz="2400"/>
            </a:lvl1pPr>
            <a:lvl2pPr marL="685800" indent="0">
              <a:buNone/>
              <a:defRPr sz="2100"/>
            </a:lvl2pPr>
            <a:lvl3pPr marL="1371600" indent="0">
              <a:buNone/>
              <a:defRPr sz="1800"/>
            </a:lvl3pPr>
            <a:lvl4pPr marL="2057400" indent="0">
              <a:buNone/>
              <a:defRPr sz="1500"/>
            </a:lvl4pPr>
            <a:lvl5pPr marL="2743200" indent="0">
              <a:buNone/>
              <a:defRPr sz="1500"/>
            </a:lvl5pPr>
            <a:lvl6pPr marL="3429000" indent="0">
              <a:buNone/>
              <a:defRPr sz="1500"/>
            </a:lvl6pPr>
            <a:lvl7pPr marL="4114800" indent="0">
              <a:buNone/>
              <a:defRPr sz="1500"/>
            </a:lvl7pPr>
            <a:lvl8pPr marL="4800600" indent="0">
              <a:buNone/>
              <a:defRPr sz="1500"/>
            </a:lvl8pPr>
            <a:lvl9pPr marL="5486400" indent="0">
              <a:buNone/>
              <a:defRPr sz="1500"/>
            </a:lvl9pPr>
          </a:lstStyle>
          <a:p>
            <a:pPr lvl="0"/>
            <a:r>
              <a:rPr lang="tr-TR"/>
              <a:t>Asıl metin stillerini düzenlemek için tıklayın</a:t>
            </a:r>
          </a:p>
        </p:txBody>
      </p:sp>
      <p:sp>
        <p:nvSpPr>
          <p:cNvPr id="5" name="Veri Yer Tutucusu 4">
            <a:extLst>
              <a:ext uri="{FF2B5EF4-FFF2-40B4-BE49-F238E27FC236}">
                <a16:creationId xmlns:a16="http://schemas.microsoft.com/office/drawing/2014/main" id="{B7AFFE73-67AB-A999-C09F-E36C6D75D0F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6" name="Alt Bilgi Yer Tutucusu 5">
            <a:extLst>
              <a:ext uri="{FF2B5EF4-FFF2-40B4-BE49-F238E27FC236}">
                <a16:creationId xmlns:a16="http://schemas.microsoft.com/office/drawing/2014/main" id="{3169CEE5-2A9B-3B4C-F6FB-1A55B77A22F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7" name="Slayt Numarası Yer Tutucusu 6">
            <a:extLst>
              <a:ext uri="{FF2B5EF4-FFF2-40B4-BE49-F238E27FC236}">
                <a16:creationId xmlns:a16="http://schemas.microsoft.com/office/drawing/2014/main" id="{03940B9E-93D2-3285-DEB7-2744F51200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8815616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Başlık ve Dikey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1F466FA6-177A-A4A2-6E16-961206F2274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AD1F7E12-0F60-5F06-6208-0070B257752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9184037A-B381-D17D-1F4E-79CAAA706C3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11A62D0C-37DE-9592-59A6-AC05A74078B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19E7CB84-75B4-5377-D4FE-C5C9E0B048E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97601190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Dikey Başlık ve Meti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key Başlık 1">
            <a:extLst>
              <a:ext uri="{FF2B5EF4-FFF2-40B4-BE49-F238E27FC236}">
                <a16:creationId xmlns:a16="http://schemas.microsoft.com/office/drawing/2014/main" id="{8A5AAECC-6764-813E-FF82-40374CEFD17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13087350" y="547688"/>
            <a:ext cx="3943350" cy="8717757"/>
          </a:xfrm>
        </p:spPr>
        <p:txBody>
          <a:bodyPr vert="eaVert"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Dikey Metin Yer Tutucusu 2">
            <a:extLst>
              <a:ext uri="{FF2B5EF4-FFF2-40B4-BE49-F238E27FC236}">
                <a16:creationId xmlns:a16="http://schemas.microsoft.com/office/drawing/2014/main" id="{3DB80285-693B-087E-7F91-D5AAA788BB7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1257300" y="547688"/>
            <a:ext cx="11601450" cy="8717757"/>
          </a:xfrm>
        </p:spPr>
        <p:txBody>
          <a:bodyPr vert="eaVert"/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1891825F-6F1D-027D-ABC5-B5FA4458CE5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37452303-D47B-4C24-4A0F-F4BAC209B7A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836F134A-4E2C-AEA6-9629-852289B885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9571662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Özel Düz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1">
            <a:extLst>
              <a:ext uri="{FF2B5EF4-FFF2-40B4-BE49-F238E27FC236}">
                <a16:creationId xmlns:a16="http://schemas.microsoft.com/office/drawing/2014/main" id="{2D828DA1-4DEF-07D9-AF4A-5B6D490004E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Veri Yer Tutucusu 2">
            <a:extLst>
              <a:ext uri="{FF2B5EF4-FFF2-40B4-BE49-F238E27FC236}">
                <a16:creationId xmlns:a16="http://schemas.microsoft.com/office/drawing/2014/main" id="{0D1A7F32-F828-1800-808A-D324A7088B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4" name="Alt Bilgi Yer Tutucusu 3">
            <a:extLst>
              <a:ext uri="{FF2B5EF4-FFF2-40B4-BE49-F238E27FC236}">
                <a16:creationId xmlns:a16="http://schemas.microsoft.com/office/drawing/2014/main" id="{2F337F99-A66C-7764-273D-5278D8DE44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tr-TR"/>
          </a:p>
        </p:txBody>
      </p:sp>
      <p:sp>
        <p:nvSpPr>
          <p:cNvPr id="5" name="Slayt Numarası Yer Tutucusu 4">
            <a:extLst>
              <a:ext uri="{FF2B5EF4-FFF2-40B4-BE49-F238E27FC236}">
                <a16:creationId xmlns:a16="http://schemas.microsoft.com/office/drawing/2014/main" id="{903573E3-C618-D551-EEA1-0C41DAFC332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685735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tags" Target="../tags/tag2.xml"/><Relationship Id="rId5" Type="http://schemas.openxmlformats.org/officeDocument/2006/relationships/slideLayout" Target="../slideLayouts/slideLayout16.xml"/><Relationship Id="rId10" Type="http://schemas.openxmlformats.org/officeDocument/2006/relationships/theme" Target="../theme/theme2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8.xml"/><Relationship Id="rId13" Type="http://schemas.openxmlformats.org/officeDocument/2006/relationships/theme" Target="../theme/theme3.xml"/><Relationship Id="rId3" Type="http://schemas.openxmlformats.org/officeDocument/2006/relationships/slideLayout" Target="../slideLayouts/slideLayout23.xml"/><Relationship Id="rId7" Type="http://schemas.openxmlformats.org/officeDocument/2006/relationships/slideLayout" Target="../slideLayouts/slideLayout27.xml"/><Relationship Id="rId12" Type="http://schemas.openxmlformats.org/officeDocument/2006/relationships/slideLayout" Target="../slideLayouts/slideLayout32.xml"/><Relationship Id="rId2" Type="http://schemas.openxmlformats.org/officeDocument/2006/relationships/slideLayout" Target="../slideLayouts/slideLayout22.xml"/><Relationship Id="rId1" Type="http://schemas.openxmlformats.org/officeDocument/2006/relationships/slideLayout" Target="../slideLayouts/slideLayout21.xml"/><Relationship Id="rId6" Type="http://schemas.openxmlformats.org/officeDocument/2006/relationships/slideLayout" Target="../slideLayouts/slideLayout26.xml"/><Relationship Id="rId11" Type="http://schemas.openxmlformats.org/officeDocument/2006/relationships/slideLayout" Target="../slideLayouts/slideLayout31.xml"/><Relationship Id="rId5" Type="http://schemas.openxmlformats.org/officeDocument/2006/relationships/slideLayout" Target="../slideLayouts/slideLayout25.xml"/><Relationship Id="rId10" Type="http://schemas.openxmlformats.org/officeDocument/2006/relationships/slideLayout" Target="../slideLayouts/slideLayout30.xml"/><Relationship Id="rId4" Type="http://schemas.openxmlformats.org/officeDocument/2006/relationships/slideLayout" Target="../slideLayouts/slideLayout24.xml"/><Relationship Id="rId9" Type="http://schemas.openxmlformats.org/officeDocument/2006/relationships/slideLayout" Target="../slideLayouts/slideLayout29.xml"/><Relationship Id="rId14" Type="http://schemas.openxmlformats.org/officeDocument/2006/relationships/tags" Target="../tags/tag7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2/2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17EC5685-19F1-49DA-ADE5-D5D32F1659B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7300" y="547688"/>
            <a:ext cx="15773400" cy="1988345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FFC0A4D-22A1-4554-B5DE-887974F4DF90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7300" y="2738438"/>
            <a:ext cx="15773400" cy="652700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99D5CDC-F2CE-410E-AD13-DDC235C71C6F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12573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800" cap="none" spc="0" baseline="0">
                <a:solidFill>
                  <a:schemeClr val="tx1">
                    <a:tint val="75000"/>
                  </a:schemeClr>
                </a:solidFill>
                <a:latin typeface="+mn-lt"/>
              </a:defRPr>
            </a:lvl1pPr>
          </a:lstStyle>
          <a:p>
            <a:fld id="{82EDB8D0-98ED-4B86-9D5F-E61ADC70144D}" type="datetimeFigureOut">
              <a:rPr lang="en-US" smtClean="0"/>
              <a:pPr/>
              <a:t>12/24/2024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340CD45-794A-4BB0-A427-0CE61AEAF484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6057900" y="9534526"/>
            <a:ext cx="61722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800" cap="none" spc="0" baseline="0">
                <a:solidFill>
                  <a:schemeClr val="tx1">
                    <a:tint val="75000"/>
                  </a:schemeClr>
                </a:solidFill>
                <a:latin typeface="+mn-lt"/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CB3AB91-9588-4071-92D2-364F4A6ED092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29159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800" cap="none" spc="0" baseline="0">
                <a:solidFill>
                  <a:schemeClr val="tx1">
                    <a:tint val="75000"/>
                  </a:schemeClr>
                </a:solidFill>
                <a:latin typeface="+mn-lt"/>
              </a:defRPr>
            </a:lvl1pPr>
          </a:lstStyle>
          <a:p>
            <a:fld id="{4854181D-6920-4594-9A5D-6CE56DC9F8B2}" type="slidenum">
              <a:rPr lang="en-US" smtClean="0"/>
              <a:pPr/>
              <a:t>‹#›</a:t>
            </a:fld>
            <a:endParaRPr lang="en-US"/>
          </a:p>
        </p:txBody>
      </p:sp>
    </p:spTree>
    <p:custDataLst>
      <p:tags r:id="rId11"/>
    </p:custDataLst>
    <p:extLst>
      <p:ext uri="{BB962C8B-B14F-4D97-AF65-F5344CB8AC3E}">
        <p14:creationId xmlns:p14="http://schemas.microsoft.com/office/powerpoint/2010/main" val="160016013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</p:sldLayoutIdLst>
  <p:txStyles>
    <p:titleStyle>
      <a:lvl1pPr algn="l" defTabSz="1371600" rtl="0" eaLnBrk="1" latinLnBrk="0" hangingPunct="1">
        <a:lnSpc>
          <a:spcPct val="90000"/>
        </a:lnSpc>
        <a:spcBef>
          <a:spcPct val="0"/>
        </a:spcBef>
        <a:buNone/>
        <a:defRPr sz="66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1371600" rtl="0" eaLnBrk="1" latinLnBrk="0" hangingPunct="1">
        <a:lnSpc>
          <a:spcPct val="90000"/>
        </a:lnSpc>
        <a:spcBef>
          <a:spcPts val="1500"/>
        </a:spcBef>
        <a:buFont typeface="Arial" panose="020B0604020202020204" pitchFamily="34" charset="0"/>
        <a:buChar char="•"/>
        <a:defRPr sz="4200" kern="1200">
          <a:solidFill>
            <a:schemeClr val="tx1"/>
          </a:solidFill>
          <a:latin typeface="+mn-lt"/>
          <a:ea typeface="+mn-ea"/>
          <a:cs typeface="+mn-cs"/>
        </a:defRPr>
      </a:lvl1pPr>
      <a:lvl2pPr marL="1028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600" kern="1200">
          <a:solidFill>
            <a:schemeClr val="tx1"/>
          </a:solidFill>
          <a:latin typeface="+mn-lt"/>
          <a:ea typeface="+mn-ea"/>
          <a:cs typeface="+mn-cs"/>
        </a:defRPr>
      </a:lvl2pPr>
      <a:lvl3pPr marL="1714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3pPr>
      <a:lvl4pPr marL="2400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30861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7719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457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5143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829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2pPr>
      <a:lvl3pPr marL="1371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3pPr>
      <a:lvl4pPr marL="2057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27432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4290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114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4800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486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aşlık Yer Tutucusu 1">
            <a:extLst>
              <a:ext uri="{FF2B5EF4-FFF2-40B4-BE49-F238E27FC236}">
                <a16:creationId xmlns:a16="http://schemas.microsoft.com/office/drawing/2014/main" id="{E994CDD3-C997-C973-48F0-08B5D41B41B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57300" y="547688"/>
            <a:ext cx="15773400" cy="1988345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tr-TR"/>
              <a:t>Asıl başlık stilini düzenlemek için tıklayın</a:t>
            </a:r>
          </a:p>
        </p:txBody>
      </p:sp>
      <p:sp>
        <p:nvSpPr>
          <p:cNvPr id="3" name="Metin Yer Tutucusu 2">
            <a:extLst>
              <a:ext uri="{FF2B5EF4-FFF2-40B4-BE49-F238E27FC236}">
                <a16:creationId xmlns:a16="http://schemas.microsoft.com/office/drawing/2014/main" id="{B7132338-A799-F0B9-CACC-F45E31FFC34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257300" y="2738438"/>
            <a:ext cx="15773400" cy="652700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tr-TR"/>
              <a:t>Asıl metin stillerini düzenlemek için tıklayın</a:t>
            </a:r>
          </a:p>
          <a:p>
            <a:pPr lvl="1"/>
            <a:r>
              <a:rPr lang="tr-TR"/>
              <a:t>İkinci düzey</a:t>
            </a:r>
          </a:p>
          <a:p>
            <a:pPr lvl="2"/>
            <a:r>
              <a:rPr lang="tr-TR"/>
              <a:t>Üçüncü düzey</a:t>
            </a:r>
          </a:p>
          <a:p>
            <a:pPr lvl="3"/>
            <a:r>
              <a:rPr lang="tr-TR"/>
              <a:t>Dördüncü düzey</a:t>
            </a:r>
          </a:p>
          <a:p>
            <a:pPr lvl="4"/>
            <a:r>
              <a:rPr lang="tr-TR"/>
              <a:t>Beşinci düzey</a:t>
            </a:r>
          </a:p>
        </p:txBody>
      </p:sp>
      <p:sp>
        <p:nvSpPr>
          <p:cNvPr id="4" name="Veri Yer Tutucusu 3">
            <a:extLst>
              <a:ext uri="{FF2B5EF4-FFF2-40B4-BE49-F238E27FC236}">
                <a16:creationId xmlns:a16="http://schemas.microsoft.com/office/drawing/2014/main" id="{21D3CDCD-FB71-3818-5C55-09265504289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12573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C5FAE0E-20B2-4F82-9F6A-53ADAE0ACEC0}" type="datetimeFigureOut">
              <a:rPr lang="tr-TR" smtClean="0"/>
              <a:t>24.12.2024</a:t>
            </a:fld>
            <a:endParaRPr lang="tr-TR"/>
          </a:p>
        </p:txBody>
      </p:sp>
      <p:sp>
        <p:nvSpPr>
          <p:cNvPr id="5" name="Alt Bilgi Yer Tutucusu 4">
            <a:extLst>
              <a:ext uri="{FF2B5EF4-FFF2-40B4-BE49-F238E27FC236}">
                <a16:creationId xmlns:a16="http://schemas.microsoft.com/office/drawing/2014/main" id="{D7CD472F-C728-690D-A094-1EA7578B2C7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6057900" y="9534526"/>
            <a:ext cx="61722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tr-TR"/>
          </a:p>
        </p:txBody>
      </p:sp>
      <p:sp>
        <p:nvSpPr>
          <p:cNvPr id="6" name="Slayt Numarası Yer Tutucusu 5">
            <a:extLst>
              <a:ext uri="{FF2B5EF4-FFF2-40B4-BE49-F238E27FC236}">
                <a16:creationId xmlns:a16="http://schemas.microsoft.com/office/drawing/2014/main" id="{C9E9DF77-40D0-5D86-78CE-A3CE10EBECD8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2915900" y="9534526"/>
            <a:ext cx="4114800" cy="547688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8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EDBAC3DF-137B-43F0-82A9-B5333303FEF9}" type="slidenum">
              <a:rPr lang="tr-TR" smtClean="0"/>
              <a:t>‹#›</a:t>
            </a:fld>
            <a:endParaRPr lang="tr-TR"/>
          </a:p>
        </p:txBody>
      </p:sp>
    </p:spTree>
    <p:custDataLst>
      <p:tags r:id="rId14"/>
    </p:custDataLst>
    <p:extLst>
      <p:ext uri="{BB962C8B-B14F-4D97-AF65-F5344CB8AC3E}">
        <p14:creationId xmlns:p14="http://schemas.microsoft.com/office/powerpoint/2010/main" val="311996727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1" r:id="rId1"/>
    <p:sldLayoutId id="2147483672" r:id="rId2"/>
    <p:sldLayoutId id="2147483673" r:id="rId3"/>
    <p:sldLayoutId id="2147483674" r:id="rId4"/>
    <p:sldLayoutId id="2147483675" r:id="rId5"/>
    <p:sldLayoutId id="2147483676" r:id="rId6"/>
    <p:sldLayoutId id="2147483677" r:id="rId7"/>
    <p:sldLayoutId id="2147483678" r:id="rId8"/>
    <p:sldLayoutId id="2147483679" r:id="rId9"/>
    <p:sldLayoutId id="2147483680" r:id="rId10"/>
    <p:sldLayoutId id="2147483681" r:id="rId11"/>
    <p:sldLayoutId id="2147483682" r:id="rId12"/>
  </p:sldLayoutIdLst>
  <p:txStyles>
    <p:titleStyle>
      <a:lvl1pPr algn="l" defTabSz="1371600" rtl="0" eaLnBrk="1" latinLnBrk="0" hangingPunct="1">
        <a:lnSpc>
          <a:spcPct val="90000"/>
        </a:lnSpc>
        <a:spcBef>
          <a:spcPct val="0"/>
        </a:spcBef>
        <a:buNone/>
        <a:defRPr sz="66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1371600" rtl="0" eaLnBrk="1" latinLnBrk="0" hangingPunct="1">
        <a:lnSpc>
          <a:spcPct val="90000"/>
        </a:lnSpc>
        <a:spcBef>
          <a:spcPts val="1500"/>
        </a:spcBef>
        <a:buFont typeface="Arial" panose="020B0604020202020204" pitchFamily="34" charset="0"/>
        <a:buChar char="•"/>
        <a:defRPr sz="4200" kern="1200">
          <a:solidFill>
            <a:schemeClr val="tx1"/>
          </a:solidFill>
          <a:latin typeface="+mn-lt"/>
          <a:ea typeface="+mn-ea"/>
          <a:cs typeface="+mn-cs"/>
        </a:defRPr>
      </a:lvl1pPr>
      <a:lvl2pPr marL="1028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600" kern="1200">
          <a:solidFill>
            <a:schemeClr val="tx1"/>
          </a:solidFill>
          <a:latin typeface="+mn-lt"/>
          <a:ea typeface="+mn-ea"/>
          <a:cs typeface="+mn-cs"/>
        </a:defRPr>
      </a:lvl2pPr>
      <a:lvl3pPr marL="1714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3000" kern="1200">
          <a:solidFill>
            <a:schemeClr val="tx1"/>
          </a:solidFill>
          <a:latin typeface="+mn-lt"/>
          <a:ea typeface="+mn-ea"/>
          <a:cs typeface="+mn-cs"/>
        </a:defRPr>
      </a:lvl3pPr>
      <a:lvl4pPr marL="2400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30861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7719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4577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51435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829300" indent="-342900" algn="l" defTabSz="13716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tr-TR"/>
      </a:defPPr>
      <a:lvl1pPr marL="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2pPr>
      <a:lvl3pPr marL="1371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3pPr>
      <a:lvl4pPr marL="2057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4pPr>
      <a:lvl5pPr marL="27432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5pPr>
      <a:lvl6pPr marL="34290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41148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48006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486400" algn="l" defTabSz="1371600" rtl="0" eaLnBrk="1" latinLnBrk="0" hangingPunct="1"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20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2.jpg"/><Relationship Id="rId3" Type="http://schemas.openxmlformats.org/officeDocument/2006/relationships/video" Target="https://www.youtube.com/embed/KezcrSboMKw?feature=oembed" TargetMode="External"/><Relationship Id="rId7" Type="http://schemas.openxmlformats.org/officeDocument/2006/relationships/image" Target="../media/image21.jpeg"/><Relationship Id="rId2" Type="http://schemas.openxmlformats.org/officeDocument/2006/relationships/tags" Target="../tags/tag30.xml"/><Relationship Id="rId1" Type="http://schemas.openxmlformats.org/officeDocument/2006/relationships/tags" Target="../tags/tag29.xml"/><Relationship Id="rId6" Type="http://schemas.openxmlformats.org/officeDocument/2006/relationships/notesSlide" Target="../notesSlides/notesSlide10.xml"/><Relationship Id="rId5" Type="http://schemas.openxmlformats.org/officeDocument/2006/relationships/slideLayout" Target="../slideLayouts/slideLayout7.xml"/><Relationship Id="rId4" Type="http://schemas.openxmlformats.org/officeDocument/2006/relationships/tags" Target="../tags/tag3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33.xml"/><Relationship Id="rId5" Type="http://schemas.openxmlformats.org/officeDocument/2006/relationships/image" Target="../media/image24.png"/><Relationship Id="rId4" Type="http://schemas.openxmlformats.org/officeDocument/2006/relationships/image" Target="../media/image23.gif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35.xml"/><Relationship Id="rId1" Type="http://schemas.openxmlformats.org/officeDocument/2006/relationships/tags" Target="../tags/tag34.xml"/><Relationship Id="rId5" Type="http://schemas.openxmlformats.org/officeDocument/2006/relationships/image" Target="../media/image25.png"/><Relationship Id="rId4" Type="http://schemas.openxmlformats.org/officeDocument/2006/relationships/notesSlide" Target="../notesSlides/notesSlide13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6.xml"/><Relationship Id="rId5" Type="http://schemas.openxmlformats.org/officeDocument/2006/relationships/image" Target="../media/image27.svg"/><Relationship Id="rId4" Type="http://schemas.openxmlformats.org/officeDocument/2006/relationships/image" Target="../media/image26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7.xml"/><Relationship Id="rId4" Type="http://schemas.openxmlformats.org/officeDocument/2006/relationships/audio" Target="../media/audio1.wav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7.xml"/><Relationship Id="rId1" Type="http://schemas.openxmlformats.org/officeDocument/2006/relationships/tags" Target="../tags/tag38.xml"/><Relationship Id="rId5" Type="http://schemas.openxmlformats.org/officeDocument/2006/relationships/image" Target="../media/image24.png"/><Relationship Id="rId4" Type="http://schemas.openxmlformats.org/officeDocument/2006/relationships/image" Target="../media/image23.gif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7.xml"/><Relationship Id="rId2" Type="http://schemas.openxmlformats.org/officeDocument/2006/relationships/tags" Target="../tags/tag40.xml"/><Relationship Id="rId1" Type="http://schemas.openxmlformats.org/officeDocument/2006/relationships/tags" Target="../tags/tag39.xml"/><Relationship Id="rId5" Type="http://schemas.openxmlformats.org/officeDocument/2006/relationships/image" Target="../media/image25.png"/><Relationship Id="rId4" Type="http://schemas.openxmlformats.org/officeDocument/2006/relationships/notesSlide" Target="../notesSlides/notesSlide17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png"/><Relationship Id="rId13" Type="http://schemas.openxmlformats.org/officeDocument/2006/relationships/image" Target="../media/image35.svg"/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29.svg"/><Relationship Id="rId12" Type="http://schemas.openxmlformats.org/officeDocument/2006/relationships/image" Target="../media/image34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1.xml"/><Relationship Id="rId6" Type="http://schemas.openxmlformats.org/officeDocument/2006/relationships/image" Target="../media/image28.png"/><Relationship Id="rId11" Type="http://schemas.openxmlformats.org/officeDocument/2006/relationships/image" Target="../media/image33.svg"/><Relationship Id="rId5" Type="http://schemas.openxmlformats.org/officeDocument/2006/relationships/audio" Target="../media/audio3.wav"/><Relationship Id="rId10" Type="http://schemas.openxmlformats.org/officeDocument/2006/relationships/image" Target="../media/image32.png"/><Relationship Id="rId4" Type="http://schemas.openxmlformats.org/officeDocument/2006/relationships/audio" Target="../media/audio2.wav"/><Relationship Id="rId9" Type="http://schemas.openxmlformats.org/officeDocument/2006/relationships/image" Target="../media/image31.sv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8.svg"/><Relationship Id="rId13" Type="http://schemas.openxmlformats.org/officeDocument/2006/relationships/image" Target="../media/image42.svg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37.png"/><Relationship Id="rId12" Type="http://schemas.openxmlformats.org/officeDocument/2006/relationships/image" Target="../media/image41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2.xml"/><Relationship Id="rId6" Type="http://schemas.openxmlformats.org/officeDocument/2006/relationships/hyperlink" Target="https://t.me/joinchat/QrR0NEiT70UPac8ZvS8MDA" TargetMode="External"/><Relationship Id="rId11" Type="http://schemas.openxmlformats.org/officeDocument/2006/relationships/hyperlink" Target="https://www.dindersimateryal.com/" TargetMode="External"/><Relationship Id="rId5" Type="http://schemas.openxmlformats.org/officeDocument/2006/relationships/hyperlink" Target="https://www.instagram.com/mustafayil34/" TargetMode="External"/><Relationship Id="rId10" Type="http://schemas.openxmlformats.org/officeDocument/2006/relationships/image" Target="../media/image40.svg"/><Relationship Id="rId4" Type="http://schemas.openxmlformats.org/officeDocument/2006/relationships/image" Target="../media/image36.png"/><Relationship Id="rId9" Type="http://schemas.openxmlformats.org/officeDocument/2006/relationships/image" Target="../media/image39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5" Type="http://schemas.openxmlformats.org/officeDocument/2006/relationships/image" Target="../media/image3.png"/><Relationship Id="rId4" Type="http://schemas.openxmlformats.org/officeDocument/2006/relationships/image" Target="../media/image2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5" Type="http://schemas.openxmlformats.org/officeDocument/2006/relationships/image" Target="../media/image6.svg"/><Relationship Id="rId4" Type="http://schemas.openxmlformats.org/officeDocument/2006/relationships/image" Target="../media/image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5" Type="http://schemas.openxmlformats.org/officeDocument/2006/relationships/image" Target="../media/image10.svg"/><Relationship Id="rId4" Type="http://schemas.openxmlformats.org/officeDocument/2006/relationships/image" Target="../media/image9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Relationship Id="rId6" Type="http://schemas.openxmlformats.org/officeDocument/2006/relationships/image" Target="../media/image13.svg"/><Relationship Id="rId5" Type="http://schemas.openxmlformats.org/officeDocument/2006/relationships/image" Target="../media/image12.png"/><Relationship Id="rId4" Type="http://schemas.openxmlformats.org/officeDocument/2006/relationships/image" Target="../media/image11.jpe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sv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Relationship Id="rId6" Type="http://schemas.openxmlformats.org/officeDocument/2006/relationships/image" Target="../media/image16.gif"/><Relationship Id="rId11" Type="http://schemas.openxmlformats.org/officeDocument/2006/relationships/hyperlink" Target="https://www.youtube.com/watch?v=KezcrSboMKw" TargetMode="External"/><Relationship Id="rId5" Type="http://schemas.openxmlformats.org/officeDocument/2006/relationships/image" Target="../media/image15.png"/><Relationship Id="rId10" Type="http://schemas.openxmlformats.org/officeDocument/2006/relationships/image" Target="../media/image20.svg"/><Relationship Id="rId4" Type="http://schemas.openxmlformats.org/officeDocument/2006/relationships/image" Target="../media/image14.png"/><Relationship Id="rId9" Type="http://schemas.openxmlformats.org/officeDocument/2006/relationships/image" Target="../media/image1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Dikdörtgen: Köşeleri Yuvarlatılmış 9">
            <a:extLst>
              <a:ext uri="{FF2B5EF4-FFF2-40B4-BE49-F238E27FC236}">
                <a16:creationId xmlns:a16="http://schemas.microsoft.com/office/drawing/2014/main" id="{61FCB770-7178-8498-2853-F6C7277C5228}"/>
              </a:ext>
            </a:extLst>
          </p:cNvPr>
          <p:cNvSpPr/>
          <p:nvPr/>
        </p:nvSpPr>
        <p:spPr>
          <a:xfrm>
            <a:off x="2917989" y="5173195"/>
            <a:ext cx="13709321" cy="1033154"/>
          </a:xfrm>
          <a:prstGeom prst="roundRect">
            <a:avLst>
              <a:gd name="adj" fmla="val 30460"/>
            </a:avLst>
          </a:prstGeom>
          <a:solidFill>
            <a:srgbClr val="FDF7F5"/>
          </a:solidFill>
          <a:ln>
            <a:solidFill>
              <a:schemeClr val="tx2"/>
            </a:solidFill>
          </a:ln>
          <a:effectLst>
            <a:outerShdw blurRad="101600" dist="50800" dir="4800000" algn="t" rotWithShape="0">
              <a:prstClr val="black">
                <a:alpha val="42000"/>
              </a:prstClr>
            </a:outerShdw>
            <a:reflection endPos="0" dir="5400000" sy="-100000" algn="bl" rotWithShape="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685800" lvl="1" defTabSz="1371600">
              <a:defRPr/>
            </a:pPr>
            <a:r>
              <a:rPr lang="tr-TR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  </a:t>
            </a:r>
            <a:r>
              <a:rPr lang="es-ES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İnsani İlişkilerin Temeli:</a:t>
            </a:r>
            <a:r>
              <a:rPr lang="tr-TR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 </a:t>
            </a:r>
            <a:r>
              <a:rPr lang="es-ES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Sevgi ve Saygı</a:t>
            </a:r>
            <a:endParaRPr lang="tr-TR" sz="4800" dirty="0">
              <a:solidFill>
                <a:prstClr val="black"/>
              </a:solidFill>
              <a:latin typeface="Helvetica" panose="020B0604020202020204" pitchFamily="34" charset="0"/>
              <a:cs typeface="Helvetica" panose="020B0604020202020204" pitchFamily="34" charset="0"/>
            </a:endParaRPr>
          </a:p>
        </p:txBody>
      </p:sp>
      <p:sp>
        <p:nvSpPr>
          <p:cNvPr id="11" name="Dikdörtgen: Köşeleri Yuvarlatılmış 10">
            <a:extLst>
              <a:ext uri="{FF2B5EF4-FFF2-40B4-BE49-F238E27FC236}">
                <a16:creationId xmlns:a16="http://schemas.microsoft.com/office/drawing/2014/main" id="{E94E402A-790D-DDB8-670E-AC662D4ED3EC}"/>
              </a:ext>
            </a:extLst>
          </p:cNvPr>
          <p:cNvSpPr/>
          <p:nvPr/>
        </p:nvSpPr>
        <p:spPr>
          <a:xfrm>
            <a:off x="2917989" y="6727142"/>
            <a:ext cx="13709321" cy="1033154"/>
          </a:xfrm>
          <a:prstGeom prst="roundRect">
            <a:avLst>
              <a:gd name="adj" fmla="val 30460"/>
            </a:avLst>
          </a:prstGeom>
          <a:solidFill>
            <a:srgbClr val="FDF7F5"/>
          </a:solidFill>
          <a:ln>
            <a:solidFill>
              <a:schemeClr val="tx2"/>
            </a:solidFill>
          </a:ln>
          <a:effectLst>
            <a:outerShdw blurRad="101600" dist="50800" dir="4800000" algn="t" rotWithShape="0">
              <a:prstClr val="black">
                <a:alpha val="42000"/>
              </a:prstClr>
            </a:outerShdw>
            <a:reflection endPos="0" dir="5400000" sy="-100000" algn="bl" rotWithShape="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685800" lvl="1" defTabSz="1371600">
              <a:defRPr/>
            </a:pPr>
            <a:r>
              <a:rPr lang="tr-TR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  </a:t>
            </a:r>
            <a:r>
              <a:rPr lang="it-IT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Bir</a:t>
            </a:r>
            <a:r>
              <a:rPr lang="tr-TR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 Sure</a:t>
            </a:r>
            <a:r>
              <a:rPr lang="it-IT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 Tanıyorum: </a:t>
            </a:r>
            <a:r>
              <a:rPr lang="tr-TR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Fatiha Suresi ve Anlamı</a:t>
            </a:r>
          </a:p>
        </p:txBody>
      </p:sp>
      <p:sp>
        <p:nvSpPr>
          <p:cNvPr id="29" name="Serbest Form: Şekil 28">
            <a:extLst>
              <a:ext uri="{FF2B5EF4-FFF2-40B4-BE49-F238E27FC236}">
                <a16:creationId xmlns:a16="http://schemas.microsoft.com/office/drawing/2014/main" id="{5B9F696D-2BFE-46FC-01D7-95CC8506F9CD}"/>
              </a:ext>
            </a:extLst>
          </p:cNvPr>
          <p:cNvSpPr/>
          <p:nvPr/>
        </p:nvSpPr>
        <p:spPr>
          <a:xfrm>
            <a:off x="2590800" y="2705100"/>
            <a:ext cx="14363700" cy="5867401"/>
          </a:xfrm>
          <a:custGeom>
            <a:avLst/>
            <a:gdLst>
              <a:gd name="connsiteX0" fmla="*/ 0 w 9474200"/>
              <a:gd name="connsiteY0" fmla="*/ 0 h 6041243"/>
              <a:gd name="connsiteX1" fmla="*/ 1585686 w 9474200"/>
              <a:gd name="connsiteY1" fmla="*/ 0 h 6041243"/>
              <a:gd name="connsiteX2" fmla="*/ 1585686 w 9474200"/>
              <a:gd name="connsiteY2" fmla="*/ 52960 h 6041243"/>
              <a:gd name="connsiteX3" fmla="*/ 7888514 w 9474200"/>
              <a:gd name="connsiteY3" fmla="*/ 52960 h 6041243"/>
              <a:gd name="connsiteX4" fmla="*/ 7888514 w 9474200"/>
              <a:gd name="connsiteY4" fmla="*/ 0 h 6041243"/>
              <a:gd name="connsiteX5" fmla="*/ 9474200 w 9474200"/>
              <a:gd name="connsiteY5" fmla="*/ 0 h 6041243"/>
              <a:gd name="connsiteX6" fmla="*/ 9474200 w 9474200"/>
              <a:gd name="connsiteY6" fmla="*/ 6041243 h 6041243"/>
              <a:gd name="connsiteX7" fmla="*/ 0 w 9474200"/>
              <a:gd name="connsiteY7" fmla="*/ 6041243 h 604124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9474200" h="6041243">
                <a:moveTo>
                  <a:pt x="0" y="0"/>
                </a:moveTo>
                <a:lnTo>
                  <a:pt x="1585686" y="0"/>
                </a:lnTo>
                <a:lnTo>
                  <a:pt x="1585686" y="52960"/>
                </a:lnTo>
                <a:lnTo>
                  <a:pt x="7888514" y="52960"/>
                </a:lnTo>
                <a:lnTo>
                  <a:pt x="7888514" y="0"/>
                </a:lnTo>
                <a:lnTo>
                  <a:pt x="9474200" y="0"/>
                </a:lnTo>
                <a:lnTo>
                  <a:pt x="9474200" y="6041243"/>
                </a:lnTo>
                <a:lnTo>
                  <a:pt x="0" y="6041243"/>
                </a:lnTo>
                <a:close/>
              </a:path>
            </a:pathLst>
          </a:custGeom>
          <a:noFill/>
          <a:ln w="19050">
            <a:solidFill>
              <a:srgbClr val="30237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17" name="Dikdörtgen 16">
            <a:extLst>
              <a:ext uri="{FF2B5EF4-FFF2-40B4-BE49-F238E27FC236}">
                <a16:creationId xmlns:a16="http://schemas.microsoft.com/office/drawing/2014/main" id="{68599543-516B-A5E6-47B2-DA984F94DE7E}"/>
              </a:ext>
            </a:extLst>
          </p:cNvPr>
          <p:cNvSpPr/>
          <p:nvPr/>
        </p:nvSpPr>
        <p:spPr>
          <a:xfrm>
            <a:off x="4844661" y="285488"/>
            <a:ext cx="9454242" cy="1033154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endParaRPr lang="tr-TR" sz="2700">
              <a:solidFill>
                <a:prstClr val="white"/>
              </a:solidFill>
              <a:latin typeface="Calibri" panose="020F0502020204030204"/>
            </a:endParaRPr>
          </a:p>
        </p:txBody>
      </p:sp>
      <p:sp>
        <p:nvSpPr>
          <p:cNvPr id="7" name="Metin kutusu 6">
            <a:extLst>
              <a:ext uri="{FF2B5EF4-FFF2-40B4-BE49-F238E27FC236}">
                <a16:creationId xmlns:a16="http://schemas.microsoft.com/office/drawing/2014/main" id="{EFF761D5-5BE8-8C3F-B38C-66BD10019550}"/>
              </a:ext>
            </a:extLst>
          </p:cNvPr>
          <p:cNvSpPr txBox="1"/>
          <p:nvPr/>
        </p:nvSpPr>
        <p:spPr>
          <a:xfrm>
            <a:off x="4975275" y="2146510"/>
            <a:ext cx="9955503" cy="1015663"/>
          </a:xfrm>
          <a:prstGeom prst="rect">
            <a:avLst/>
          </a:prstGeom>
          <a:solidFill>
            <a:srgbClr val="FAEDE9"/>
          </a:solidFill>
          <a:ln>
            <a:noFill/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pPr algn="ctr" defTabSz="1371600">
              <a:defRPr/>
            </a:pPr>
            <a:r>
              <a:rPr lang="tr-TR" sz="6000" b="1" dirty="0">
                <a:solidFill>
                  <a:srgbClr val="302373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3. ÜNİTE:GÜZEL AHLAK</a:t>
            </a:r>
            <a:endParaRPr lang="tr-TR" sz="6000" dirty="0">
              <a:solidFill>
                <a:srgbClr val="302373"/>
              </a:solidFill>
              <a:latin typeface="Helvetica" panose="020B0604020202020204" pitchFamily="34" charset="0"/>
              <a:cs typeface="Helvetica" panose="020B0604020202020204" pitchFamily="34" charset="0"/>
            </a:endParaRPr>
          </a:p>
        </p:txBody>
      </p:sp>
      <p:sp>
        <p:nvSpPr>
          <p:cNvPr id="5" name="Dikdörtgen: Köşeleri Yuvarlatılmış 4">
            <a:extLst>
              <a:ext uri="{FF2B5EF4-FFF2-40B4-BE49-F238E27FC236}">
                <a16:creationId xmlns:a16="http://schemas.microsoft.com/office/drawing/2014/main" id="{082F9CCE-6493-A7B8-1759-221EC019A439}"/>
              </a:ext>
            </a:extLst>
          </p:cNvPr>
          <p:cNvSpPr/>
          <p:nvPr/>
        </p:nvSpPr>
        <p:spPr>
          <a:xfrm>
            <a:off x="2917989" y="3619247"/>
            <a:ext cx="13709321" cy="1033154"/>
          </a:xfrm>
          <a:prstGeom prst="roundRect">
            <a:avLst>
              <a:gd name="adj" fmla="val 30460"/>
            </a:avLst>
          </a:prstGeom>
          <a:solidFill>
            <a:srgbClr val="FDF7F5"/>
          </a:solidFill>
          <a:ln>
            <a:solidFill>
              <a:schemeClr val="tx2"/>
            </a:solidFill>
          </a:ln>
          <a:effectLst>
            <a:outerShdw blurRad="101600" dist="50800" dir="4800000" algn="t" rotWithShape="0">
              <a:prstClr val="black">
                <a:alpha val="42000"/>
              </a:prstClr>
            </a:outerShdw>
            <a:reflection endPos="0" dir="5400000" sy="-100000" algn="bl" rotWithShape="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685800" lvl="1" defTabSz="1371600">
              <a:defRPr/>
            </a:pPr>
            <a:r>
              <a:rPr lang="tr-TR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  Din Güzel Ahlaktır</a:t>
            </a:r>
          </a:p>
        </p:txBody>
      </p:sp>
      <p:sp>
        <p:nvSpPr>
          <p:cNvPr id="30" name="Oval 29">
            <a:extLst>
              <a:ext uri="{FF2B5EF4-FFF2-40B4-BE49-F238E27FC236}">
                <a16:creationId xmlns:a16="http://schemas.microsoft.com/office/drawing/2014/main" id="{C904625B-F6D5-EE98-E4FF-7A4D8F08D7C1}"/>
              </a:ext>
            </a:extLst>
          </p:cNvPr>
          <p:cNvSpPr/>
          <p:nvPr/>
        </p:nvSpPr>
        <p:spPr>
          <a:xfrm>
            <a:off x="3156111" y="3716027"/>
            <a:ext cx="857249" cy="839594"/>
          </a:xfrm>
          <a:prstGeom prst="ellipse">
            <a:avLst/>
          </a:prstGeom>
          <a:solidFill>
            <a:srgbClr val="FF7A4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4800" dirty="0">
                <a:solidFill>
                  <a:prstClr val="white"/>
                </a:solidFill>
                <a:latin typeface="Calibri" panose="020F0502020204030204"/>
              </a:rPr>
              <a:t>1</a:t>
            </a:r>
          </a:p>
        </p:txBody>
      </p:sp>
      <p:sp>
        <p:nvSpPr>
          <p:cNvPr id="31" name="Oval 30">
            <a:extLst>
              <a:ext uri="{FF2B5EF4-FFF2-40B4-BE49-F238E27FC236}">
                <a16:creationId xmlns:a16="http://schemas.microsoft.com/office/drawing/2014/main" id="{ECCB683C-5CC4-8E1A-F744-ACC4AC58D21A}"/>
              </a:ext>
            </a:extLst>
          </p:cNvPr>
          <p:cNvSpPr/>
          <p:nvPr/>
        </p:nvSpPr>
        <p:spPr>
          <a:xfrm>
            <a:off x="3156111" y="5269975"/>
            <a:ext cx="857249" cy="839594"/>
          </a:xfrm>
          <a:prstGeom prst="ellipse">
            <a:avLst/>
          </a:prstGeom>
          <a:solidFill>
            <a:srgbClr val="FF7A4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4800" dirty="0">
                <a:solidFill>
                  <a:prstClr val="white"/>
                </a:solidFill>
                <a:latin typeface="Calibri" panose="020F0502020204030204"/>
              </a:rPr>
              <a:t>2</a:t>
            </a:r>
          </a:p>
        </p:txBody>
      </p:sp>
      <p:sp>
        <p:nvSpPr>
          <p:cNvPr id="32" name="Oval 31">
            <a:extLst>
              <a:ext uri="{FF2B5EF4-FFF2-40B4-BE49-F238E27FC236}">
                <a16:creationId xmlns:a16="http://schemas.microsoft.com/office/drawing/2014/main" id="{DF9C3096-8392-F00A-A708-F228D9511B40}"/>
              </a:ext>
            </a:extLst>
          </p:cNvPr>
          <p:cNvSpPr/>
          <p:nvPr/>
        </p:nvSpPr>
        <p:spPr>
          <a:xfrm>
            <a:off x="3156111" y="6823922"/>
            <a:ext cx="857249" cy="839594"/>
          </a:xfrm>
          <a:prstGeom prst="ellipse">
            <a:avLst/>
          </a:prstGeom>
          <a:solidFill>
            <a:srgbClr val="FF7A4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4800" dirty="0">
                <a:solidFill>
                  <a:prstClr val="white"/>
                </a:solidFill>
                <a:latin typeface="Calibri" panose="020F0502020204030204"/>
              </a:rPr>
              <a:t>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4258731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up 4">
            <a:extLst>
              <a:ext uri="{FF2B5EF4-FFF2-40B4-BE49-F238E27FC236}">
                <a16:creationId xmlns:a16="http://schemas.microsoft.com/office/drawing/2014/main" id="{E57CAC3E-B60E-A47F-5F96-4F86B76A0913}"/>
              </a:ext>
            </a:extLst>
          </p:cNvPr>
          <p:cNvGrpSpPr/>
          <p:nvPr>
            <p:custDataLst>
              <p:tags r:id="rId2"/>
            </p:custDataLst>
          </p:nvPr>
        </p:nvGrpSpPr>
        <p:grpSpPr>
          <a:xfrm>
            <a:off x="2292350" y="1289050"/>
            <a:ext cx="13703300" cy="7708900"/>
            <a:chOff x="2292350" y="1289050"/>
            <a:chExt cx="13703300" cy="7708900"/>
          </a:xfrm>
        </p:grpSpPr>
        <p:pic>
          <p:nvPicPr>
            <p:cNvPr id="2" name="KezcrSboMKw80689406" title="İyilik Dalgası - Kısa Film">
              <a:hlinkClick r:id="" action="ppaction://media"/>
              <a:extLst>
                <a:ext uri="{FF2B5EF4-FFF2-40B4-BE49-F238E27FC236}">
                  <a16:creationId xmlns:a16="http://schemas.microsoft.com/office/drawing/2014/main" id="{0100C62E-DB95-968B-7AD3-2248B9319E5F}"/>
                </a:ext>
              </a:extLst>
            </p:cNvPr>
            <p:cNvPicPr>
              <a:picLocks noRot="1" noChangeAspect="1"/>
            </p:cNvPicPr>
            <p:nvPr>
              <a:videoFile r:link="rId3"/>
              <p:custDataLst>
                <p:tags r:id="rId4"/>
              </p:custDataLst>
            </p:nvPr>
          </p:nvPicPr>
          <p:blipFill>
            <a:blip r:embed="rId7"/>
            <a:stretch>
              <a:fillRect/>
            </a:stretch>
          </p:blipFill>
          <p:spPr>
            <a:xfrm>
              <a:off x="2292350" y="1289050"/>
              <a:ext cx="13644071" cy="7708900"/>
            </a:xfrm>
            <a:prstGeom prst="rect">
              <a:avLst/>
            </a:prstGeom>
          </p:spPr>
        </p:pic>
        <p:pic>
          <p:nvPicPr>
            <p:cNvPr id="4" name="KezcrSboMKw80689406_pic">
              <a:extLst>
                <a:ext uri="{FF2B5EF4-FFF2-40B4-BE49-F238E27FC236}">
                  <a16:creationId xmlns:a16="http://schemas.microsoft.com/office/drawing/2014/main" id="{A575EEFC-81D4-1B8B-9E4E-98B664BD82D8}"/>
                </a:ext>
              </a:extLst>
            </p:cNvPr>
            <p:cNvPicPr>
              <a:picLocks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292350" y="1289050"/>
              <a:ext cx="13703300" cy="770890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1928379556"/>
      </p:ext>
    </p:extLst>
  </p:cSld>
  <p:clrMapOvr>
    <a:masterClrMapping/>
  </p:clrMapOvr>
  <p:timing>
    <p:tnLst>
      <p:par>
        <p:cTn id="1" dur="indefinite" restart="never" nodeType="tmRoot">
          <p:childTnLst>
            <p:video>
              <p:cMediaNode vol="80000">
                <p:cTn id="2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Google Shape;1176;p39">
            <a:extLst>
              <a:ext uri="{FF2B5EF4-FFF2-40B4-BE49-F238E27FC236}">
                <a16:creationId xmlns:a16="http://schemas.microsoft.com/office/drawing/2014/main" id="{ACE7E594-3619-FBD2-2AE4-08756B95643E}"/>
              </a:ext>
            </a:extLst>
          </p:cNvPr>
          <p:cNvSpPr/>
          <p:nvPr/>
        </p:nvSpPr>
        <p:spPr>
          <a:xfrm>
            <a:off x="7416923" y="518008"/>
            <a:ext cx="10705682" cy="9349891"/>
          </a:xfrm>
          <a:custGeom>
            <a:avLst/>
            <a:gdLst/>
            <a:ahLst/>
            <a:cxnLst/>
            <a:rect l="l" t="t" r="r" b="b"/>
            <a:pathLst>
              <a:path w="168583" h="33314" extrusionOk="0">
                <a:moveTo>
                  <a:pt x="83010" y="0"/>
                </a:moveTo>
                <a:cubicBezTo>
                  <a:pt x="82358" y="0"/>
                  <a:pt x="81707" y="17"/>
                  <a:pt x="81059" y="63"/>
                </a:cubicBezTo>
                <a:cubicBezTo>
                  <a:pt x="78534" y="241"/>
                  <a:pt x="75994" y="490"/>
                  <a:pt x="73474" y="536"/>
                </a:cubicBezTo>
                <a:cubicBezTo>
                  <a:pt x="70146" y="595"/>
                  <a:pt x="66845" y="1010"/>
                  <a:pt x="63509" y="1010"/>
                </a:cubicBezTo>
                <a:cubicBezTo>
                  <a:pt x="63451" y="1010"/>
                  <a:pt x="63393" y="1010"/>
                  <a:pt x="63335" y="1009"/>
                </a:cubicBezTo>
                <a:cubicBezTo>
                  <a:pt x="63203" y="1009"/>
                  <a:pt x="63072" y="1009"/>
                  <a:pt x="62941" y="1009"/>
                </a:cubicBezTo>
                <a:cubicBezTo>
                  <a:pt x="61222" y="1009"/>
                  <a:pt x="59490" y="1054"/>
                  <a:pt x="57770" y="1054"/>
                </a:cubicBezTo>
                <a:cubicBezTo>
                  <a:pt x="56892" y="1054"/>
                  <a:pt x="56018" y="1042"/>
                  <a:pt x="55149" y="1006"/>
                </a:cubicBezTo>
                <a:cubicBezTo>
                  <a:pt x="54434" y="976"/>
                  <a:pt x="53720" y="965"/>
                  <a:pt x="53006" y="965"/>
                </a:cubicBezTo>
                <a:cubicBezTo>
                  <a:pt x="51063" y="965"/>
                  <a:pt x="49126" y="1047"/>
                  <a:pt x="47188" y="1047"/>
                </a:cubicBezTo>
                <a:cubicBezTo>
                  <a:pt x="46742" y="1047"/>
                  <a:pt x="46296" y="1042"/>
                  <a:pt x="45850" y="1032"/>
                </a:cubicBezTo>
                <a:cubicBezTo>
                  <a:pt x="45819" y="1031"/>
                  <a:pt x="45787" y="1031"/>
                  <a:pt x="45755" y="1031"/>
                </a:cubicBezTo>
                <a:cubicBezTo>
                  <a:pt x="44851" y="1031"/>
                  <a:pt x="43897" y="1322"/>
                  <a:pt x="43022" y="1322"/>
                </a:cubicBezTo>
                <a:cubicBezTo>
                  <a:pt x="42752" y="1322"/>
                  <a:pt x="42490" y="1294"/>
                  <a:pt x="42240" y="1222"/>
                </a:cubicBezTo>
                <a:cubicBezTo>
                  <a:pt x="41750" y="1081"/>
                  <a:pt x="41271" y="1038"/>
                  <a:pt x="40798" y="1038"/>
                </a:cubicBezTo>
                <a:cubicBezTo>
                  <a:pt x="40023" y="1038"/>
                  <a:pt x="39263" y="1155"/>
                  <a:pt x="38497" y="1155"/>
                </a:cubicBezTo>
                <a:cubicBezTo>
                  <a:pt x="38332" y="1155"/>
                  <a:pt x="38166" y="1150"/>
                  <a:pt x="38001" y="1137"/>
                </a:cubicBezTo>
                <a:cubicBezTo>
                  <a:pt x="37209" y="1074"/>
                  <a:pt x="36424" y="1020"/>
                  <a:pt x="35630" y="1020"/>
                </a:cubicBezTo>
                <a:cubicBezTo>
                  <a:pt x="34913" y="1020"/>
                  <a:pt x="34189" y="1064"/>
                  <a:pt x="33447" y="1185"/>
                </a:cubicBezTo>
                <a:cubicBezTo>
                  <a:pt x="32874" y="1278"/>
                  <a:pt x="32252" y="1295"/>
                  <a:pt x="31620" y="1295"/>
                </a:cubicBezTo>
                <a:cubicBezTo>
                  <a:pt x="31266" y="1295"/>
                  <a:pt x="30908" y="1290"/>
                  <a:pt x="30555" y="1290"/>
                </a:cubicBezTo>
                <a:cubicBezTo>
                  <a:pt x="30171" y="1290"/>
                  <a:pt x="29792" y="1296"/>
                  <a:pt x="29426" y="1322"/>
                </a:cubicBezTo>
                <a:cubicBezTo>
                  <a:pt x="27153" y="1483"/>
                  <a:pt x="24872" y="1478"/>
                  <a:pt x="22601" y="1635"/>
                </a:cubicBezTo>
                <a:cubicBezTo>
                  <a:pt x="21980" y="1679"/>
                  <a:pt x="21357" y="1694"/>
                  <a:pt x="20733" y="1694"/>
                </a:cubicBezTo>
                <a:cubicBezTo>
                  <a:pt x="19629" y="1694"/>
                  <a:pt x="18522" y="1646"/>
                  <a:pt x="17418" y="1623"/>
                </a:cubicBezTo>
                <a:cubicBezTo>
                  <a:pt x="17178" y="1618"/>
                  <a:pt x="16938" y="1616"/>
                  <a:pt x="16699" y="1616"/>
                </a:cubicBezTo>
                <a:cubicBezTo>
                  <a:pt x="14761" y="1616"/>
                  <a:pt x="12833" y="1766"/>
                  <a:pt x="10899" y="1882"/>
                </a:cubicBezTo>
                <a:cubicBezTo>
                  <a:pt x="10794" y="1889"/>
                  <a:pt x="10689" y="1891"/>
                  <a:pt x="10583" y="1891"/>
                </a:cubicBezTo>
                <a:cubicBezTo>
                  <a:pt x="9738" y="1891"/>
                  <a:pt x="8873" y="1713"/>
                  <a:pt x="8003" y="1713"/>
                </a:cubicBezTo>
                <a:cubicBezTo>
                  <a:pt x="7679" y="1713"/>
                  <a:pt x="7354" y="1738"/>
                  <a:pt x="7029" y="1806"/>
                </a:cubicBezTo>
                <a:cubicBezTo>
                  <a:pt x="5112" y="2204"/>
                  <a:pt x="3394" y="3091"/>
                  <a:pt x="2051" y="4442"/>
                </a:cubicBezTo>
                <a:cubicBezTo>
                  <a:pt x="395" y="6108"/>
                  <a:pt x="344" y="8495"/>
                  <a:pt x="224" y="10616"/>
                </a:cubicBezTo>
                <a:cubicBezTo>
                  <a:pt x="1" y="14522"/>
                  <a:pt x="149" y="18453"/>
                  <a:pt x="256" y="22371"/>
                </a:cubicBezTo>
                <a:cubicBezTo>
                  <a:pt x="308" y="24329"/>
                  <a:pt x="682" y="26325"/>
                  <a:pt x="1614" y="28028"/>
                </a:cubicBezTo>
                <a:cubicBezTo>
                  <a:pt x="2729" y="30068"/>
                  <a:pt x="4934" y="30596"/>
                  <a:pt x="7064" y="31024"/>
                </a:cubicBezTo>
                <a:cubicBezTo>
                  <a:pt x="8721" y="31358"/>
                  <a:pt x="10417" y="31242"/>
                  <a:pt x="12093" y="31511"/>
                </a:cubicBezTo>
                <a:cubicBezTo>
                  <a:pt x="14055" y="31824"/>
                  <a:pt x="16069" y="31857"/>
                  <a:pt x="18060" y="31894"/>
                </a:cubicBezTo>
                <a:cubicBezTo>
                  <a:pt x="18109" y="31895"/>
                  <a:pt x="18159" y="31896"/>
                  <a:pt x="18208" y="31896"/>
                </a:cubicBezTo>
                <a:cubicBezTo>
                  <a:pt x="19325" y="31896"/>
                  <a:pt x="20460" y="31672"/>
                  <a:pt x="21567" y="31672"/>
                </a:cubicBezTo>
                <a:cubicBezTo>
                  <a:pt x="21862" y="31672"/>
                  <a:pt x="22155" y="31688"/>
                  <a:pt x="22445" y="31728"/>
                </a:cubicBezTo>
                <a:cubicBezTo>
                  <a:pt x="23021" y="31808"/>
                  <a:pt x="23595" y="31838"/>
                  <a:pt x="24169" y="31838"/>
                </a:cubicBezTo>
                <a:cubicBezTo>
                  <a:pt x="25818" y="31838"/>
                  <a:pt x="27459" y="31593"/>
                  <a:pt x="29118" y="31593"/>
                </a:cubicBezTo>
                <a:cubicBezTo>
                  <a:pt x="29697" y="31593"/>
                  <a:pt x="30278" y="31622"/>
                  <a:pt x="30862" y="31703"/>
                </a:cubicBezTo>
                <a:cubicBezTo>
                  <a:pt x="32022" y="31862"/>
                  <a:pt x="33262" y="31893"/>
                  <a:pt x="34498" y="31893"/>
                </a:cubicBezTo>
                <a:cubicBezTo>
                  <a:pt x="34948" y="31893"/>
                  <a:pt x="35398" y="31889"/>
                  <a:pt x="35843" y="31885"/>
                </a:cubicBezTo>
                <a:cubicBezTo>
                  <a:pt x="35883" y="31885"/>
                  <a:pt x="35924" y="31885"/>
                  <a:pt x="35964" y="31885"/>
                </a:cubicBezTo>
                <a:cubicBezTo>
                  <a:pt x="37718" y="31885"/>
                  <a:pt x="39470" y="32164"/>
                  <a:pt x="41226" y="32216"/>
                </a:cubicBezTo>
                <a:cubicBezTo>
                  <a:pt x="41297" y="32219"/>
                  <a:pt x="41369" y="32219"/>
                  <a:pt x="41440" y="32219"/>
                </a:cubicBezTo>
                <a:cubicBezTo>
                  <a:pt x="42385" y="32219"/>
                  <a:pt x="43357" y="32049"/>
                  <a:pt x="44289" y="32049"/>
                </a:cubicBezTo>
                <a:cubicBezTo>
                  <a:pt x="44693" y="32049"/>
                  <a:pt x="45089" y="32081"/>
                  <a:pt x="45473" y="32173"/>
                </a:cubicBezTo>
                <a:cubicBezTo>
                  <a:pt x="46907" y="32519"/>
                  <a:pt x="48343" y="32461"/>
                  <a:pt x="49763" y="32657"/>
                </a:cubicBezTo>
                <a:cubicBezTo>
                  <a:pt x="51468" y="32892"/>
                  <a:pt x="53190" y="32979"/>
                  <a:pt x="54917" y="32979"/>
                </a:cubicBezTo>
                <a:cubicBezTo>
                  <a:pt x="55941" y="32979"/>
                  <a:pt x="56968" y="32948"/>
                  <a:pt x="57993" y="32899"/>
                </a:cubicBezTo>
                <a:cubicBezTo>
                  <a:pt x="58415" y="32879"/>
                  <a:pt x="58838" y="32872"/>
                  <a:pt x="59261" y="32872"/>
                </a:cubicBezTo>
                <a:cubicBezTo>
                  <a:pt x="60212" y="32872"/>
                  <a:pt x="61165" y="32907"/>
                  <a:pt x="62116" y="32907"/>
                </a:cubicBezTo>
                <a:cubicBezTo>
                  <a:pt x="62743" y="32907"/>
                  <a:pt x="63369" y="32892"/>
                  <a:pt x="63992" y="32841"/>
                </a:cubicBezTo>
                <a:cubicBezTo>
                  <a:pt x="67459" y="32556"/>
                  <a:pt x="70924" y="32493"/>
                  <a:pt x="74399" y="32461"/>
                </a:cubicBezTo>
                <a:cubicBezTo>
                  <a:pt x="74429" y="32460"/>
                  <a:pt x="74459" y="32460"/>
                  <a:pt x="74488" y="32460"/>
                </a:cubicBezTo>
                <a:cubicBezTo>
                  <a:pt x="75936" y="32460"/>
                  <a:pt x="77336" y="32799"/>
                  <a:pt x="78768" y="32799"/>
                </a:cubicBezTo>
                <a:cubicBezTo>
                  <a:pt x="78823" y="32799"/>
                  <a:pt x="78877" y="32798"/>
                  <a:pt x="78932" y="32797"/>
                </a:cubicBezTo>
                <a:cubicBezTo>
                  <a:pt x="81552" y="32749"/>
                  <a:pt x="84176" y="32601"/>
                  <a:pt x="86793" y="32601"/>
                </a:cubicBezTo>
                <a:cubicBezTo>
                  <a:pt x="87489" y="32601"/>
                  <a:pt x="88184" y="32612"/>
                  <a:pt x="88878" y="32637"/>
                </a:cubicBezTo>
                <a:cubicBezTo>
                  <a:pt x="89745" y="32669"/>
                  <a:pt x="90612" y="32676"/>
                  <a:pt x="91478" y="32676"/>
                </a:cubicBezTo>
                <a:cubicBezTo>
                  <a:pt x="92188" y="32676"/>
                  <a:pt x="92899" y="32672"/>
                  <a:pt x="93609" y="32672"/>
                </a:cubicBezTo>
                <a:cubicBezTo>
                  <a:pt x="94751" y="32672"/>
                  <a:pt x="95893" y="32684"/>
                  <a:pt x="97033" y="32750"/>
                </a:cubicBezTo>
                <a:cubicBezTo>
                  <a:pt x="99351" y="32883"/>
                  <a:pt x="101661" y="33232"/>
                  <a:pt x="103979" y="33301"/>
                </a:cubicBezTo>
                <a:cubicBezTo>
                  <a:pt x="104295" y="33310"/>
                  <a:pt x="104611" y="33314"/>
                  <a:pt x="104928" y="33314"/>
                </a:cubicBezTo>
                <a:cubicBezTo>
                  <a:pt x="106813" y="33314"/>
                  <a:pt x="108701" y="33170"/>
                  <a:pt x="110588" y="33124"/>
                </a:cubicBezTo>
                <a:cubicBezTo>
                  <a:pt x="111113" y="33111"/>
                  <a:pt x="111637" y="33106"/>
                  <a:pt x="112160" y="33106"/>
                </a:cubicBezTo>
                <a:cubicBezTo>
                  <a:pt x="113610" y="33106"/>
                  <a:pt x="115058" y="33142"/>
                  <a:pt x="116509" y="33142"/>
                </a:cubicBezTo>
                <a:cubicBezTo>
                  <a:pt x="117705" y="33142"/>
                  <a:pt x="118903" y="33118"/>
                  <a:pt x="120103" y="33028"/>
                </a:cubicBezTo>
                <a:cubicBezTo>
                  <a:pt x="121953" y="32892"/>
                  <a:pt x="123827" y="32732"/>
                  <a:pt x="125702" y="32727"/>
                </a:cubicBezTo>
                <a:cubicBezTo>
                  <a:pt x="127451" y="32724"/>
                  <a:pt x="129200" y="32326"/>
                  <a:pt x="130951" y="32306"/>
                </a:cubicBezTo>
                <a:cubicBezTo>
                  <a:pt x="131004" y="32306"/>
                  <a:pt x="131057" y="32305"/>
                  <a:pt x="131111" y="32305"/>
                </a:cubicBezTo>
                <a:cubicBezTo>
                  <a:pt x="131996" y="32305"/>
                  <a:pt x="132929" y="32376"/>
                  <a:pt x="133790" y="32376"/>
                </a:cubicBezTo>
                <a:cubicBezTo>
                  <a:pt x="133876" y="32376"/>
                  <a:pt x="133962" y="32375"/>
                  <a:pt x="134046" y="32374"/>
                </a:cubicBezTo>
                <a:cubicBezTo>
                  <a:pt x="135038" y="32356"/>
                  <a:pt x="136054" y="32178"/>
                  <a:pt x="137076" y="32178"/>
                </a:cubicBezTo>
                <a:cubicBezTo>
                  <a:pt x="137327" y="32178"/>
                  <a:pt x="137579" y="32188"/>
                  <a:pt x="137830" y="32215"/>
                </a:cubicBezTo>
                <a:cubicBezTo>
                  <a:pt x="140021" y="32446"/>
                  <a:pt x="142208" y="32563"/>
                  <a:pt x="144397" y="32563"/>
                </a:cubicBezTo>
                <a:cubicBezTo>
                  <a:pt x="146414" y="32563"/>
                  <a:pt x="148434" y="32463"/>
                  <a:pt x="150458" y="32261"/>
                </a:cubicBezTo>
                <a:cubicBezTo>
                  <a:pt x="151788" y="32128"/>
                  <a:pt x="153128" y="32097"/>
                  <a:pt x="154471" y="32097"/>
                </a:cubicBezTo>
                <a:cubicBezTo>
                  <a:pt x="155585" y="32097"/>
                  <a:pt x="156700" y="32118"/>
                  <a:pt x="157812" y="32119"/>
                </a:cubicBezTo>
                <a:cubicBezTo>
                  <a:pt x="157905" y="32119"/>
                  <a:pt x="157998" y="32119"/>
                  <a:pt x="158091" y="32119"/>
                </a:cubicBezTo>
                <a:cubicBezTo>
                  <a:pt x="158273" y="32119"/>
                  <a:pt x="158455" y="32119"/>
                  <a:pt x="158637" y="32119"/>
                </a:cubicBezTo>
                <a:cubicBezTo>
                  <a:pt x="160449" y="32119"/>
                  <a:pt x="162266" y="32127"/>
                  <a:pt x="164061" y="32311"/>
                </a:cubicBezTo>
                <a:cubicBezTo>
                  <a:pt x="164102" y="32315"/>
                  <a:pt x="164143" y="32317"/>
                  <a:pt x="164184" y="32317"/>
                </a:cubicBezTo>
                <a:cubicBezTo>
                  <a:pt x="164643" y="32317"/>
                  <a:pt x="165117" y="32075"/>
                  <a:pt x="165494" y="32075"/>
                </a:cubicBezTo>
                <a:cubicBezTo>
                  <a:pt x="165644" y="32075"/>
                  <a:pt x="165779" y="32113"/>
                  <a:pt x="165891" y="32219"/>
                </a:cubicBezTo>
                <a:cubicBezTo>
                  <a:pt x="166190" y="32502"/>
                  <a:pt x="166487" y="32595"/>
                  <a:pt x="166777" y="32595"/>
                </a:cubicBezTo>
                <a:cubicBezTo>
                  <a:pt x="167269" y="32595"/>
                  <a:pt x="167739" y="32327"/>
                  <a:pt x="168155" y="32257"/>
                </a:cubicBezTo>
                <a:cubicBezTo>
                  <a:pt x="168582" y="32185"/>
                  <a:pt x="168474" y="31042"/>
                  <a:pt x="168434" y="30346"/>
                </a:cubicBezTo>
                <a:cubicBezTo>
                  <a:pt x="168338" y="28696"/>
                  <a:pt x="168242" y="27043"/>
                  <a:pt x="168224" y="25391"/>
                </a:cubicBezTo>
                <a:cubicBezTo>
                  <a:pt x="168202" y="23326"/>
                  <a:pt x="168314" y="21260"/>
                  <a:pt x="168265" y="19196"/>
                </a:cubicBezTo>
                <a:cubicBezTo>
                  <a:pt x="168197" y="16439"/>
                  <a:pt x="167980" y="13687"/>
                  <a:pt x="167919" y="10932"/>
                </a:cubicBezTo>
                <a:cubicBezTo>
                  <a:pt x="167856" y="8127"/>
                  <a:pt x="167905" y="5321"/>
                  <a:pt x="167905" y="2516"/>
                </a:cubicBezTo>
                <a:cubicBezTo>
                  <a:pt x="168402" y="1931"/>
                  <a:pt x="168178" y="1863"/>
                  <a:pt x="167851" y="1863"/>
                </a:cubicBezTo>
                <a:cubicBezTo>
                  <a:pt x="167765" y="1863"/>
                  <a:pt x="167672" y="1868"/>
                  <a:pt x="167583" y="1869"/>
                </a:cubicBezTo>
                <a:cubicBezTo>
                  <a:pt x="166616" y="1882"/>
                  <a:pt x="165647" y="1930"/>
                  <a:pt x="164680" y="1930"/>
                </a:cubicBezTo>
                <a:cubicBezTo>
                  <a:pt x="164440" y="1930"/>
                  <a:pt x="164201" y="1927"/>
                  <a:pt x="163961" y="1920"/>
                </a:cubicBezTo>
                <a:cubicBezTo>
                  <a:pt x="162136" y="1865"/>
                  <a:pt x="160303" y="1627"/>
                  <a:pt x="158485" y="1627"/>
                </a:cubicBezTo>
                <a:cubicBezTo>
                  <a:pt x="158076" y="1627"/>
                  <a:pt x="157667" y="1639"/>
                  <a:pt x="157260" y="1668"/>
                </a:cubicBezTo>
                <a:cubicBezTo>
                  <a:pt x="156048" y="1754"/>
                  <a:pt x="154837" y="1777"/>
                  <a:pt x="153627" y="1777"/>
                </a:cubicBezTo>
                <a:cubicBezTo>
                  <a:pt x="152152" y="1777"/>
                  <a:pt x="150677" y="1742"/>
                  <a:pt x="149203" y="1742"/>
                </a:cubicBezTo>
                <a:cubicBezTo>
                  <a:pt x="148551" y="1742"/>
                  <a:pt x="147899" y="1749"/>
                  <a:pt x="147246" y="1769"/>
                </a:cubicBezTo>
                <a:cubicBezTo>
                  <a:pt x="146453" y="1792"/>
                  <a:pt x="145658" y="1803"/>
                  <a:pt x="144864" y="1803"/>
                </a:cubicBezTo>
                <a:cubicBezTo>
                  <a:pt x="140987" y="1803"/>
                  <a:pt x="137104" y="1559"/>
                  <a:pt x="133224" y="1469"/>
                </a:cubicBezTo>
                <a:cubicBezTo>
                  <a:pt x="132261" y="1447"/>
                  <a:pt x="131297" y="1426"/>
                  <a:pt x="130333" y="1426"/>
                </a:cubicBezTo>
                <a:cubicBezTo>
                  <a:pt x="129634" y="1426"/>
                  <a:pt x="128935" y="1437"/>
                  <a:pt x="128238" y="1468"/>
                </a:cubicBezTo>
                <a:cubicBezTo>
                  <a:pt x="128016" y="1477"/>
                  <a:pt x="127794" y="1481"/>
                  <a:pt x="127573" y="1481"/>
                </a:cubicBezTo>
                <a:cubicBezTo>
                  <a:pt x="125333" y="1481"/>
                  <a:pt x="123129" y="1043"/>
                  <a:pt x="120894" y="946"/>
                </a:cubicBezTo>
                <a:cubicBezTo>
                  <a:pt x="118874" y="859"/>
                  <a:pt x="116858" y="636"/>
                  <a:pt x="114826" y="636"/>
                </a:cubicBezTo>
                <a:cubicBezTo>
                  <a:pt x="114596" y="636"/>
                  <a:pt x="114365" y="639"/>
                  <a:pt x="114134" y="645"/>
                </a:cubicBezTo>
                <a:cubicBezTo>
                  <a:pt x="113503" y="663"/>
                  <a:pt x="112871" y="670"/>
                  <a:pt x="112239" y="670"/>
                </a:cubicBezTo>
                <a:cubicBezTo>
                  <a:pt x="111061" y="670"/>
                  <a:pt x="109882" y="645"/>
                  <a:pt x="108703" y="617"/>
                </a:cubicBezTo>
                <a:cubicBezTo>
                  <a:pt x="108628" y="615"/>
                  <a:pt x="108553" y="614"/>
                  <a:pt x="108479" y="614"/>
                </a:cubicBezTo>
                <a:cubicBezTo>
                  <a:pt x="107255" y="614"/>
                  <a:pt x="106046" y="853"/>
                  <a:pt x="104820" y="853"/>
                </a:cubicBezTo>
                <a:cubicBezTo>
                  <a:pt x="104519" y="853"/>
                  <a:pt x="104217" y="838"/>
                  <a:pt x="103914" y="803"/>
                </a:cubicBezTo>
                <a:cubicBezTo>
                  <a:pt x="101664" y="537"/>
                  <a:pt x="99402" y="213"/>
                  <a:pt x="97146" y="213"/>
                </a:cubicBezTo>
                <a:cubicBezTo>
                  <a:pt x="97116" y="213"/>
                  <a:pt x="97085" y="213"/>
                  <a:pt x="97054" y="213"/>
                </a:cubicBezTo>
                <a:cubicBezTo>
                  <a:pt x="97011" y="213"/>
                  <a:pt x="96967" y="213"/>
                  <a:pt x="96923" y="213"/>
                </a:cubicBezTo>
                <a:cubicBezTo>
                  <a:pt x="95236" y="213"/>
                  <a:pt x="93559" y="61"/>
                  <a:pt x="91867" y="61"/>
                </a:cubicBezTo>
                <a:cubicBezTo>
                  <a:pt x="91416" y="61"/>
                  <a:pt x="90963" y="71"/>
                  <a:pt x="90509" y="99"/>
                </a:cubicBezTo>
                <a:cubicBezTo>
                  <a:pt x="89931" y="134"/>
                  <a:pt x="89352" y="147"/>
                  <a:pt x="88772" y="147"/>
                </a:cubicBezTo>
                <a:cubicBezTo>
                  <a:pt x="86854" y="147"/>
                  <a:pt x="84927" y="0"/>
                  <a:pt x="83010" y="0"/>
                </a:cubicBezTo>
                <a:close/>
              </a:path>
            </a:pathLst>
          </a:custGeom>
          <a:solidFill>
            <a:srgbClr val="FEB8B3"/>
          </a:solidFill>
          <a:ln>
            <a:solidFill>
              <a:sysClr val="windowText" lastClr="000000"/>
            </a:solidFill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3" name="Google Shape;1190;p39">
            <a:extLst>
              <a:ext uri="{FF2B5EF4-FFF2-40B4-BE49-F238E27FC236}">
                <a16:creationId xmlns:a16="http://schemas.microsoft.com/office/drawing/2014/main" id="{FCBE1BA9-2995-0C2D-84B0-7D7521D5F77A}"/>
              </a:ext>
            </a:extLst>
          </p:cNvPr>
          <p:cNvSpPr/>
          <p:nvPr/>
        </p:nvSpPr>
        <p:spPr>
          <a:xfrm>
            <a:off x="8094502" y="1994865"/>
            <a:ext cx="2684753" cy="708171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4" name="Google Shape;1194;p39">
            <a:extLst>
              <a:ext uri="{FF2B5EF4-FFF2-40B4-BE49-F238E27FC236}">
                <a16:creationId xmlns:a16="http://schemas.microsoft.com/office/drawing/2014/main" id="{20AEC96B-08A1-C77E-6351-B6322F55AE2C}"/>
              </a:ext>
            </a:extLst>
          </p:cNvPr>
          <p:cNvSpPr/>
          <p:nvPr/>
        </p:nvSpPr>
        <p:spPr>
          <a:xfrm>
            <a:off x="8138180" y="2015400"/>
            <a:ext cx="2629445" cy="665585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FED58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algn="ctr">
              <a:buClr>
                <a:srgbClr val="000000"/>
              </a:buClr>
              <a:buSzPts val="1100"/>
              <a:buFont typeface="Arial"/>
              <a:buNone/>
            </a:pPr>
            <a:r>
              <a:rPr lang="tr-TR" sz="4000" kern="0" dirty="0">
                <a:solidFill>
                  <a:srgbClr val="000000"/>
                </a:solidFill>
                <a:latin typeface="Arial"/>
                <a:ea typeface="Permanent Marker"/>
                <a:cs typeface="Permanent Marker"/>
                <a:sym typeface="Permanent Marker"/>
              </a:rPr>
              <a:t>Adalet</a:t>
            </a:r>
            <a:endParaRPr sz="4000" kern="0" dirty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grpSp>
        <p:nvGrpSpPr>
          <p:cNvPr id="5" name="Google Shape;859;p38">
            <a:extLst>
              <a:ext uri="{FF2B5EF4-FFF2-40B4-BE49-F238E27FC236}">
                <a16:creationId xmlns:a16="http://schemas.microsoft.com/office/drawing/2014/main" id="{AA9C26CF-617B-0D23-31A3-1B94E8F7326C}"/>
              </a:ext>
            </a:extLst>
          </p:cNvPr>
          <p:cNvGrpSpPr/>
          <p:nvPr/>
        </p:nvGrpSpPr>
        <p:grpSpPr>
          <a:xfrm>
            <a:off x="392169" y="3178379"/>
            <a:ext cx="6754415" cy="3788744"/>
            <a:chOff x="983247" y="1133300"/>
            <a:chExt cx="2510162" cy="1432601"/>
          </a:xfrm>
        </p:grpSpPr>
        <p:sp>
          <p:nvSpPr>
            <p:cNvPr id="6" name="Google Shape;860;p38">
              <a:extLst>
                <a:ext uri="{FF2B5EF4-FFF2-40B4-BE49-F238E27FC236}">
                  <a16:creationId xmlns:a16="http://schemas.microsoft.com/office/drawing/2014/main" id="{B65DF860-729B-4A2C-A52B-AC382AE89CC1}"/>
                </a:ext>
              </a:extLst>
            </p:cNvPr>
            <p:cNvSpPr/>
            <p:nvPr/>
          </p:nvSpPr>
          <p:spPr>
            <a:xfrm>
              <a:off x="1143603" y="1150793"/>
              <a:ext cx="2349805" cy="1415107"/>
            </a:xfrm>
            <a:custGeom>
              <a:avLst/>
              <a:gdLst/>
              <a:ahLst/>
              <a:cxnLst/>
              <a:rect l="l" t="t" r="r" b="b"/>
              <a:pathLst>
                <a:path w="78177" h="47080" extrusionOk="0">
                  <a:moveTo>
                    <a:pt x="76253" y="1"/>
                  </a:moveTo>
                  <a:cubicBezTo>
                    <a:pt x="75699" y="1"/>
                    <a:pt x="75121" y="349"/>
                    <a:pt x="75073" y="1046"/>
                  </a:cubicBezTo>
                  <a:cubicBezTo>
                    <a:pt x="74187" y="12003"/>
                    <a:pt x="75833" y="22929"/>
                    <a:pt x="75738" y="33887"/>
                  </a:cubicBezTo>
                  <a:cubicBezTo>
                    <a:pt x="75707" y="36642"/>
                    <a:pt x="75580" y="39397"/>
                    <a:pt x="75263" y="42120"/>
                  </a:cubicBezTo>
                  <a:cubicBezTo>
                    <a:pt x="75232" y="42437"/>
                    <a:pt x="75295" y="43324"/>
                    <a:pt x="75073" y="43546"/>
                  </a:cubicBezTo>
                  <a:cubicBezTo>
                    <a:pt x="74757" y="43831"/>
                    <a:pt x="73585" y="43704"/>
                    <a:pt x="73142" y="43767"/>
                  </a:cubicBezTo>
                  <a:cubicBezTo>
                    <a:pt x="71685" y="43894"/>
                    <a:pt x="70260" y="44052"/>
                    <a:pt x="68803" y="44147"/>
                  </a:cubicBezTo>
                  <a:cubicBezTo>
                    <a:pt x="63795" y="44574"/>
                    <a:pt x="30130" y="44822"/>
                    <a:pt x="19280" y="44822"/>
                  </a:cubicBezTo>
                  <a:cubicBezTo>
                    <a:pt x="18053" y="44822"/>
                    <a:pt x="17118" y="44819"/>
                    <a:pt x="16549" y="44812"/>
                  </a:cubicBezTo>
                  <a:cubicBezTo>
                    <a:pt x="13604" y="44781"/>
                    <a:pt x="10627" y="44559"/>
                    <a:pt x="7713" y="43989"/>
                  </a:cubicBezTo>
                  <a:cubicBezTo>
                    <a:pt x="4895" y="43451"/>
                    <a:pt x="2488" y="42310"/>
                    <a:pt x="144" y="40664"/>
                  </a:cubicBezTo>
                  <a:cubicBezTo>
                    <a:pt x="130" y="40649"/>
                    <a:pt x="113" y="40643"/>
                    <a:pt x="97" y="40643"/>
                  </a:cubicBezTo>
                  <a:cubicBezTo>
                    <a:pt x="45" y="40643"/>
                    <a:pt x="1" y="40710"/>
                    <a:pt x="49" y="40759"/>
                  </a:cubicBezTo>
                  <a:cubicBezTo>
                    <a:pt x="2995" y="44844"/>
                    <a:pt x="8505" y="46554"/>
                    <a:pt x="13287" y="46902"/>
                  </a:cubicBezTo>
                  <a:cubicBezTo>
                    <a:pt x="15110" y="47028"/>
                    <a:pt x="20236" y="47080"/>
                    <a:pt x="26655" y="47080"/>
                  </a:cubicBezTo>
                  <a:cubicBezTo>
                    <a:pt x="41315" y="47080"/>
                    <a:pt x="62718" y="46809"/>
                    <a:pt x="66903" y="46522"/>
                  </a:cubicBezTo>
                  <a:cubicBezTo>
                    <a:pt x="68328" y="46396"/>
                    <a:pt x="69785" y="46269"/>
                    <a:pt x="71210" y="46142"/>
                  </a:cubicBezTo>
                  <a:cubicBezTo>
                    <a:pt x="72667" y="46016"/>
                    <a:pt x="74250" y="46016"/>
                    <a:pt x="75643" y="45667"/>
                  </a:cubicBezTo>
                  <a:cubicBezTo>
                    <a:pt x="76594" y="45414"/>
                    <a:pt x="77100" y="44749"/>
                    <a:pt x="77259" y="43831"/>
                  </a:cubicBezTo>
                  <a:cubicBezTo>
                    <a:pt x="77544" y="42342"/>
                    <a:pt x="77639" y="40790"/>
                    <a:pt x="77734" y="39302"/>
                  </a:cubicBezTo>
                  <a:cubicBezTo>
                    <a:pt x="78177" y="33348"/>
                    <a:pt x="77860" y="27331"/>
                    <a:pt x="77512" y="21377"/>
                  </a:cubicBezTo>
                  <a:cubicBezTo>
                    <a:pt x="77132" y="14600"/>
                    <a:pt x="76720" y="7823"/>
                    <a:pt x="77290" y="1046"/>
                  </a:cubicBezTo>
                  <a:cubicBezTo>
                    <a:pt x="77338" y="349"/>
                    <a:pt x="76807" y="1"/>
                    <a:pt x="76253" y="1"/>
                  </a:cubicBezTo>
                  <a:close/>
                </a:path>
              </a:pathLst>
            </a:custGeom>
            <a:solidFill>
              <a:srgbClr val="D6D6D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7" name="Google Shape;861;p38">
              <a:extLst>
                <a:ext uri="{FF2B5EF4-FFF2-40B4-BE49-F238E27FC236}">
                  <a16:creationId xmlns:a16="http://schemas.microsoft.com/office/drawing/2014/main" id="{AD3D0C27-1FE0-D110-2A7B-7157E730B811}"/>
                </a:ext>
              </a:extLst>
            </p:cNvPr>
            <p:cNvSpPr/>
            <p:nvPr/>
          </p:nvSpPr>
          <p:spPr>
            <a:xfrm>
              <a:off x="991813" y="1144602"/>
              <a:ext cx="2455908" cy="1372486"/>
            </a:xfrm>
            <a:custGeom>
              <a:avLst/>
              <a:gdLst/>
              <a:ahLst/>
              <a:cxnLst/>
              <a:rect l="l" t="t" r="r" b="b"/>
              <a:pathLst>
                <a:path w="81707" h="45662" extrusionOk="0">
                  <a:moveTo>
                    <a:pt x="76117" y="1"/>
                  </a:moveTo>
                  <a:cubicBezTo>
                    <a:pt x="70192" y="1"/>
                    <a:pt x="64260" y="544"/>
                    <a:pt x="58367" y="619"/>
                  </a:cubicBezTo>
                  <a:cubicBezTo>
                    <a:pt x="56294" y="644"/>
                    <a:pt x="51576" y="661"/>
                    <a:pt x="45656" y="661"/>
                  </a:cubicBezTo>
                  <a:cubicBezTo>
                    <a:pt x="29869" y="661"/>
                    <a:pt x="5537" y="544"/>
                    <a:pt x="32" y="175"/>
                  </a:cubicBezTo>
                  <a:lnTo>
                    <a:pt x="1" y="175"/>
                  </a:lnTo>
                  <a:cubicBezTo>
                    <a:pt x="1" y="175"/>
                    <a:pt x="1" y="207"/>
                    <a:pt x="1" y="207"/>
                  </a:cubicBezTo>
                  <a:cubicBezTo>
                    <a:pt x="96" y="6509"/>
                    <a:pt x="32" y="12843"/>
                    <a:pt x="64" y="19177"/>
                  </a:cubicBezTo>
                  <a:cubicBezTo>
                    <a:pt x="64" y="22977"/>
                    <a:pt x="64" y="26935"/>
                    <a:pt x="666" y="30767"/>
                  </a:cubicBezTo>
                  <a:cubicBezTo>
                    <a:pt x="3211" y="32316"/>
                    <a:pt x="5997" y="33165"/>
                    <a:pt x="8941" y="33165"/>
                  </a:cubicBezTo>
                  <a:cubicBezTo>
                    <a:pt x="9367" y="33165"/>
                    <a:pt x="9797" y="33147"/>
                    <a:pt x="10230" y="33111"/>
                  </a:cubicBezTo>
                  <a:cubicBezTo>
                    <a:pt x="10240" y="33107"/>
                    <a:pt x="10250" y="33106"/>
                    <a:pt x="10258" y="33106"/>
                  </a:cubicBezTo>
                  <a:cubicBezTo>
                    <a:pt x="10331" y="33106"/>
                    <a:pt x="10356" y="33213"/>
                    <a:pt x="10356" y="33269"/>
                  </a:cubicBezTo>
                  <a:cubicBezTo>
                    <a:pt x="9438" y="37829"/>
                    <a:pt x="11275" y="42612"/>
                    <a:pt x="14948" y="45398"/>
                  </a:cubicBezTo>
                  <a:cubicBezTo>
                    <a:pt x="16463" y="45592"/>
                    <a:pt x="22078" y="45661"/>
                    <a:pt x="29011" y="45661"/>
                  </a:cubicBezTo>
                  <a:cubicBezTo>
                    <a:pt x="42523" y="45661"/>
                    <a:pt x="61042" y="45397"/>
                    <a:pt x="63972" y="45272"/>
                  </a:cubicBezTo>
                  <a:cubicBezTo>
                    <a:pt x="69673" y="45050"/>
                    <a:pt x="75373" y="44828"/>
                    <a:pt x="81073" y="44638"/>
                  </a:cubicBezTo>
                  <a:lnTo>
                    <a:pt x="81168" y="44638"/>
                  </a:lnTo>
                  <a:cubicBezTo>
                    <a:pt x="81580" y="37069"/>
                    <a:pt x="81707" y="29501"/>
                    <a:pt x="81485" y="21900"/>
                  </a:cubicBezTo>
                  <a:cubicBezTo>
                    <a:pt x="81359" y="18100"/>
                    <a:pt x="81137" y="14300"/>
                    <a:pt x="80883" y="10499"/>
                  </a:cubicBezTo>
                  <a:cubicBezTo>
                    <a:pt x="80693" y="7079"/>
                    <a:pt x="80472" y="3564"/>
                    <a:pt x="80978" y="144"/>
                  </a:cubicBezTo>
                  <a:cubicBezTo>
                    <a:pt x="79359" y="41"/>
                    <a:pt x="77738" y="1"/>
                    <a:pt x="76117" y="1"/>
                  </a:cubicBezTo>
                  <a:close/>
                </a:path>
              </a:pathLst>
            </a:custGeom>
            <a:solidFill>
              <a:srgbClr val="A3DD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8" name="Google Shape;862;p38">
              <a:extLst>
                <a:ext uri="{FF2B5EF4-FFF2-40B4-BE49-F238E27FC236}">
                  <a16:creationId xmlns:a16="http://schemas.microsoft.com/office/drawing/2014/main" id="{07801C4A-5B9C-1206-B856-29F4A621544F}"/>
                </a:ext>
              </a:extLst>
            </p:cNvPr>
            <p:cNvSpPr/>
            <p:nvPr/>
          </p:nvSpPr>
          <p:spPr>
            <a:xfrm>
              <a:off x="987064" y="1143970"/>
              <a:ext cx="2441631" cy="241061"/>
            </a:xfrm>
            <a:custGeom>
              <a:avLst/>
              <a:gdLst/>
              <a:ahLst/>
              <a:cxnLst/>
              <a:rect l="l" t="t" r="r" b="b"/>
              <a:pathLst>
                <a:path w="81232" h="8020" extrusionOk="0">
                  <a:moveTo>
                    <a:pt x="80176" y="0"/>
                  </a:moveTo>
                  <a:cubicBezTo>
                    <a:pt x="80149" y="0"/>
                    <a:pt x="80121" y="2"/>
                    <a:pt x="80091" y="6"/>
                  </a:cubicBezTo>
                  <a:cubicBezTo>
                    <a:pt x="72871" y="418"/>
                    <a:pt x="65587" y="481"/>
                    <a:pt x="58335" y="481"/>
                  </a:cubicBezTo>
                  <a:cubicBezTo>
                    <a:pt x="51535" y="452"/>
                    <a:pt x="13552" y="32"/>
                    <a:pt x="2862" y="32"/>
                  </a:cubicBezTo>
                  <a:cubicBezTo>
                    <a:pt x="2151" y="32"/>
                    <a:pt x="1561" y="34"/>
                    <a:pt x="1109" y="38"/>
                  </a:cubicBezTo>
                  <a:cubicBezTo>
                    <a:pt x="919" y="38"/>
                    <a:pt x="792" y="133"/>
                    <a:pt x="729" y="228"/>
                  </a:cubicBezTo>
                  <a:cubicBezTo>
                    <a:pt x="650" y="184"/>
                    <a:pt x="558" y="162"/>
                    <a:pt x="467" y="162"/>
                  </a:cubicBezTo>
                  <a:cubicBezTo>
                    <a:pt x="232" y="162"/>
                    <a:pt x="0" y="311"/>
                    <a:pt x="0" y="608"/>
                  </a:cubicBezTo>
                  <a:cubicBezTo>
                    <a:pt x="32" y="1875"/>
                    <a:pt x="127" y="3141"/>
                    <a:pt x="190" y="4408"/>
                  </a:cubicBezTo>
                  <a:cubicBezTo>
                    <a:pt x="222" y="4820"/>
                    <a:pt x="190" y="5263"/>
                    <a:pt x="254" y="5675"/>
                  </a:cubicBezTo>
                  <a:lnTo>
                    <a:pt x="254" y="5770"/>
                  </a:lnTo>
                  <a:cubicBezTo>
                    <a:pt x="190" y="5833"/>
                    <a:pt x="127" y="5928"/>
                    <a:pt x="127" y="6055"/>
                  </a:cubicBezTo>
                  <a:lnTo>
                    <a:pt x="95" y="7322"/>
                  </a:lnTo>
                  <a:cubicBezTo>
                    <a:pt x="95" y="7543"/>
                    <a:pt x="285" y="7702"/>
                    <a:pt x="507" y="7733"/>
                  </a:cubicBezTo>
                  <a:cubicBezTo>
                    <a:pt x="3159" y="7957"/>
                    <a:pt x="5831" y="8019"/>
                    <a:pt x="8509" y="8019"/>
                  </a:cubicBezTo>
                  <a:cubicBezTo>
                    <a:pt x="11523" y="8019"/>
                    <a:pt x="14543" y="7940"/>
                    <a:pt x="17545" y="7923"/>
                  </a:cubicBezTo>
                  <a:cubicBezTo>
                    <a:pt x="21155" y="7892"/>
                    <a:pt x="60267" y="7860"/>
                    <a:pt x="63877" y="7797"/>
                  </a:cubicBezTo>
                  <a:cubicBezTo>
                    <a:pt x="67022" y="7870"/>
                    <a:pt x="70156" y="7943"/>
                    <a:pt x="73286" y="7943"/>
                  </a:cubicBezTo>
                  <a:cubicBezTo>
                    <a:pt x="75577" y="7943"/>
                    <a:pt x="77866" y="7904"/>
                    <a:pt x="80155" y="7797"/>
                  </a:cubicBezTo>
                  <a:cubicBezTo>
                    <a:pt x="81041" y="7733"/>
                    <a:pt x="81200" y="6625"/>
                    <a:pt x="80598" y="6245"/>
                  </a:cubicBezTo>
                  <a:cubicBezTo>
                    <a:pt x="80946" y="6023"/>
                    <a:pt x="81041" y="5548"/>
                    <a:pt x="80883" y="5200"/>
                  </a:cubicBezTo>
                  <a:cubicBezTo>
                    <a:pt x="80851" y="3775"/>
                    <a:pt x="80725" y="2445"/>
                    <a:pt x="81105" y="988"/>
                  </a:cubicBezTo>
                  <a:cubicBezTo>
                    <a:pt x="81231" y="545"/>
                    <a:pt x="80915" y="228"/>
                    <a:pt x="80566" y="196"/>
                  </a:cubicBezTo>
                  <a:cubicBezTo>
                    <a:pt x="80484" y="86"/>
                    <a:pt x="80354" y="0"/>
                    <a:pt x="80176" y="0"/>
                  </a:cubicBezTo>
                  <a:close/>
                </a:path>
              </a:pathLst>
            </a:custGeom>
            <a:solidFill>
              <a:srgbClr val="95D4F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9" name="Google Shape;863;p38">
              <a:extLst>
                <a:ext uri="{FF2B5EF4-FFF2-40B4-BE49-F238E27FC236}">
                  <a16:creationId xmlns:a16="http://schemas.microsoft.com/office/drawing/2014/main" id="{FE3B84BF-3819-38E3-B698-EEA7C959B13E}"/>
                </a:ext>
              </a:extLst>
            </p:cNvPr>
            <p:cNvSpPr/>
            <p:nvPr/>
          </p:nvSpPr>
          <p:spPr>
            <a:xfrm>
              <a:off x="992084" y="2058171"/>
              <a:ext cx="478275" cy="447256"/>
            </a:xfrm>
            <a:custGeom>
              <a:avLst/>
              <a:gdLst/>
              <a:ahLst/>
              <a:cxnLst/>
              <a:rect l="l" t="t" r="r" b="b"/>
              <a:pathLst>
                <a:path w="15912" h="14880" extrusionOk="0">
                  <a:moveTo>
                    <a:pt x="1575" y="1767"/>
                  </a:moveTo>
                  <a:cubicBezTo>
                    <a:pt x="1702" y="1830"/>
                    <a:pt x="1797" y="1862"/>
                    <a:pt x="1923" y="1925"/>
                  </a:cubicBezTo>
                  <a:cubicBezTo>
                    <a:pt x="1828" y="1957"/>
                    <a:pt x="1765" y="2052"/>
                    <a:pt x="1733" y="2115"/>
                  </a:cubicBezTo>
                  <a:cubicBezTo>
                    <a:pt x="1670" y="2020"/>
                    <a:pt x="1638" y="1893"/>
                    <a:pt x="1575" y="1767"/>
                  </a:cubicBezTo>
                  <a:close/>
                  <a:moveTo>
                    <a:pt x="1023" y="0"/>
                  </a:moveTo>
                  <a:cubicBezTo>
                    <a:pt x="417" y="0"/>
                    <a:pt x="0" y="883"/>
                    <a:pt x="593" y="1260"/>
                  </a:cubicBezTo>
                  <a:cubicBezTo>
                    <a:pt x="688" y="1830"/>
                    <a:pt x="973" y="2400"/>
                    <a:pt x="1195" y="2970"/>
                  </a:cubicBezTo>
                  <a:cubicBezTo>
                    <a:pt x="1290" y="3224"/>
                    <a:pt x="1385" y="3477"/>
                    <a:pt x="1512" y="3730"/>
                  </a:cubicBezTo>
                  <a:cubicBezTo>
                    <a:pt x="1353" y="3825"/>
                    <a:pt x="1258" y="4015"/>
                    <a:pt x="1322" y="4237"/>
                  </a:cubicBezTo>
                  <a:cubicBezTo>
                    <a:pt x="1575" y="5409"/>
                    <a:pt x="2145" y="6517"/>
                    <a:pt x="3000" y="7404"/>
                  </a:cubicBezTo>
                  <a:cubicBezTo>
                    <a:pt x="3539" y="8671"/>
                    <a:pt x="4172" y="9842"/>
                    <a:pt x="5122" y="10856"/>
                  </a:cubicBezTo>
                  <a:cubicBezTo>
                    <a:pt x="7561" y="13453"/>
                    <a:pt x="11329" y="14213"/>
                    <a:pt x="14686" y="14783"/>
                  </a:cubicBezTo>
                  <a:cubicBezTo>
                    <a:pt x="14739" y="14796"/>
                    <a:pt x="14786" y="14803"/>
                    <a:pt x="14829" y="14803"/>
                  </a:cubicBezTo>
                  <a:cubicBezTo>
                    <a:pt x="14891" y="14803"/>
                    <a:pt x="14947" y="14788"/>
                    <a:pt x="15003" y="14751"/>
                  </a:cubicBezTo>
                  <a:lnTo>
                    <a:pt x="15066" y="14814"/>
                  </a:lnTo>
                  <a:cubicBezTo>
                    <a:pt x="15103" y="14861"/>
                    <a:pt x="15148" y="14880"/>
                    <a:pt x="15194" y="14880"/>
                  </a:cubicBezTo>
                  <a:cubicBezTo>
                    <a:pt x="15304" y="14880"/>
                    <a:pt x="15415" y="14768"/>
                    <a:pt x="15415" y="14656"/>
                  </a:cubicBezTo>
                  <a:cubicBezTo>
                    <a:pt x="15510" y="14688"/>
                    <a:pt x="15605" y="14719"/>
                    <a:pt x="15700" y="14751"/>
                  </a:cubicBezTo>
                  <a:cubicBezTo>
                    <a:pt x="15712" y="14753"/>
                    <a:pt x="15723" y="14755"/>
                    <a:pt x="15734" y="14755"/>
                  </a:cubicBezTo>
                  <a:cubicBezTo>
                    <a:pt x="15866" y="14755"/>
                    <a:pt x="15912" y="14588"/>
                    <a:pt x="15795" y="14529"/>
                  </a:cubicBezTo>
                  <a:cubicBezTo>
                    <a:pt x="15700" y="14466"/>
                    <a:pt x="15605" y="14371"/>
                    <a:pt x="15510" y="14308"/>
                  </a:cubicBezTo>
                  <a:cubicBezTo>
                    <a:pt x="15492" y="14290"/>
                    <a:pt x="15472" y="14282"/>
                    <a:pt x="15452" y="14282"/>
                  </a:cubicBezTo>
                  <a:cubicBezTo>
                    <a:pt x="15401" y="14282"/>
                    <a:pt x="15351" y="14334"/>
                    <a:pt x="15351" y="14403"/>
                  </a:cubicBezTo>
                  <a:lnTo>
                    <a:pt x="15319" y="14403"/>
                  </a:lnTo>
                  <a:cubicBezTo>
                    <a:pt x="15351" y="14213"/>
                    <a:pt x="15288" y="13991"/>
                    <a:pt x="15066" y="13864"/>
                  </a:cubicBezTo>
                  <a:cubicBezTo>
                    <a:pt x="11393" y="11521"/>
                    <a:pt x="10917" y="6675"/>
                    <a:pt x="10886" y="2717"/>
                  </a:cubicBezTo>
                  <a:cubicBezTo>
                    <a:pt x="10886" y="2414"/>
                    <a:pt x="10625" y="2081"/>
                    <a:pt x="10297" y="2081"/>
                  </a:cubicBezTo>
                  <a:cubicBezTo>
                    <a:pt x="10282" y="2081"/>
                    <a:pt x="10267" y="2082"/>
                    <a:pt x="10252" y="2083"/>
                  </a:cubicBezTo>
                  <a:cubicBezTo>
                    <a:pt x="9893" y="2105"/>
                    <a:pt x="9535" y="2116"/>
                    <a:pt x="9178" y="2116"/>
                  </a:cubicBezTo>
                  <a:cubicBezTo>
                    <a:pt x="6424" y="2116"/>
                    <a:pt x="3765" y="1462"/>
                    <a:pt x="1353" y="88"/>
                  </a:cubicBezTo>
                  <a:cubicBezTo>
                    <a:pt x="1240" y="27"/>
                    <a:pt x="1129" y="0"/>
                    <a:pt x="1023" y="0"/>
                  </a:cubicBezTo>
                  <a:close/>
                </a:path>
              </a:pathLst>
            </a:custGeom>
            <a:solidFill>
              <a:srgbClr val="95D4F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10" name="Google Shape;864;p38">
              <a:extLst>
                <a:ext uri="{FF2B5EF4-FFF2-40B4-BE49-F238E27FC236}">
                  <a16:creationId xmlns:a16="http://schemas.microsoft.com/office/drawing/2014/main" id="{4713814E-09DA-FB4B-DD5F-C173D02B7EC3}"/>
                </a:ext>
              </a:extLst>
            </p:cNvPr>
            <p:cNvSpPr/>
            <p:nvPr/>
          </p:nvSpPr>
          <p:spPr>
            <a:xfrm>
              <a:off x="3306360" y="1768687"/>
              <a:ext cx="92818" cy="610227"/>
            </a:xfrm>
            <a:custGeom>
              <a:avLst/>
              <a:gdLst/>
              <a:ahLst/>
              <a:cxnLst/>
              <a:rect l="l" t="t" r="r" b="b"/>
              <a:pathLst>
                <a:path w="3088" h="20302" extrusionOk="0">
                  <a:moveTo>
                    <a:pt x="2221" y="1"/>
                  </a:moveTo>
                  <a:cubicBezTo>
                    <a:pt x="2122" y="1"/>
                    <a:pt x="2026" y="49"/>
                    <a:pt x="2011" y="155"/>
                  </a:cubicBezTo>
                  <a:cubicBezTo>
                    <a:pt x="1726" y="2055"/>
                    <a:pt x="1726" y="4019"/>
                    <a:pt x="1568" y="5919"/>
                  </a:cubicBezTo>
                  <a:cubicBezTo>
                    <a:pt x="1378" y="7883"/>
                    <a:pt x="1251" y="9878"/>
                    <a:pt x="1029" y="11841"/>
                  </a:cubicBezTo>
                  <a:cubicBezTo>
                    <a:pt x="776" y="13868"/>
                    <a:pt x="491" y="15895"/>
                    <a:pt x="174" y="17922"/>
                  </a:cubicBezTo>
                  <a:cubicBezTo>
                    <a:pt x="1" y="18992"/>
                    <a:pt x="144" y="20301"/>
                    <a:pt x="1379" y="20301"/>
                  </a:cubicBezTo>
                  <a:cubicBezTo>
                    <a:pt x="1495" y="20301"/>
                    <a:pt x="1621" y="20290"/>
                    <a:pt x="1758" y="20265"/>
                  </a:cubicBezTo>
                  <a:cubicBezTo>
                    <a:pt x="2423" y="20107"/>
                    <a:pt x="2708" y="19125"/>
                    <a:pt x="2264" y="18618"/>
                  </a:cubicBezTo>
                  <a:cubicBezTo>
                    <a:pt x="2264" y="18587"/>
                    <a:pt x="2264" y="18523"/>
                    <a:pt x="2264" y="18428"/>
                  </a:cubicBezTo>
                  <a:cubicBezTo>
                    <a:pt x="2296" y="18302"/>
                    <a:pt x="2328" y="18143"/>
                    <a:pt x="2328" y="17985"/>
                  </a:cubicBezTo>
                  <a:cubicBezTo>
                    <a:pt x="2391" y="17573"/>
                    <a:pt x="2423" y="17193"/>
                    <a:pt x="2486" y="16781"/>
                  </a:cubicBezTo>
                  <a:cubicBezTo>
                    <a:pt x="2581" y="16021"/>
                    <a:pt x="2644" y="15230"/>
                    <a:pt x="2739" y="14438"/>
                  </a:cubicBezTo>
                  <a:cubicBezTo>
                    <a:pt x="2866" y="12791"/>
                    <a:pt x="2961" y="11144"/>
                    <a:pt x="2993" y="9466"/>
                  </a:cubicBezTo>
                  <a:cubicBezTo>
                    <a:pt x="3088" y="6457"/>
                    <a:pt x="3088" y="3132"/>
                    <a:pt x="2454" y="155"/>
                  </a:cubicBezTo>
                  <a:cubicBezTo>
                    <a:pt x="2438" y="57"/>
                    <a:pt x="2328" y="1"/>
                    <a:pt x="2221" y="1"/>
                  </a:cubicBezTo>
                  <a:close/>
                </a:path>
              </a:pathLst>
            </a:custGeom>
            <a:solidFill>
              <a:srgbClr val="EEEDE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11" name="Google Shape;865;p38">
              <a:extLst>
                <a:ext uri="{FF2B5EF4-FFF2-40B4-BE49-F238E27FC236}">
                  <a16:creationId xmlns:a16="http://schemas.microsoft.com/office/drawing/2014/main" id="{BED86B22-A811-FD29-7BD5-6E305A1B7EEF}"/>
                </a:ext>
              </a:extLst>
            </p:cNvPr>
            <p:cNvSpPr/>
            <p:nvPr/>
          </p:nvSpPr>
          <p:spPr>
            <a:xfrm>
              <a:off x="1010869" y="2071276"/>
              <a:ext cx="411247" cy="429341"/>
            </a:xfrm>
            <a:custGeom>
              <a:avLst/>
              <a:gdLst/>
              <a:ahLst/>
              <a:cxnLst/>
              <a:rect l="l" t="t" r="r" b="b"/>
              <a:pathLst>
                <a:path w="13682" h="14284" extrusionOk="0">
                  <a:moveTo>
                    <a:pt x="0" y="1"/>
                  </a:moveTo>
                  <a:lnTo>
                    <a:pt x="0" y="1"/>
                  </a:lnTo>
                  <a:cubicBezTo>
                    <a:pt x="253" y="1426"/>
                    <a:pt x="538" y="2851"/>
                    <a:pt x="982" y="4213"/>
                  </a:cubicBezTo>
                  <a:cubicBezTo>
                    <a:pt x="2565" y="9248"/>
                    <a:pt x="6271" y="12573"/>
                    <a:pt x="11401" y="13840"/>
                  </a:cubicBezTo>
                  <a:cubicBezTo>
                    <a:pt x="12161" y="14030"/>
                    <a:pt x="12921" y="14157"/>
                    <a:pt x="13681" y="14283"/>
                  </a:cubicBezTo>
                  <a:cubicBezTo>
                    <a:pt x="10958" y="12035"/>
                    <a:pt x="9247" y="8646"/>
                    <a:pt x="9121" y="5099"/>
                  </a:cubicBezTo>
                  <a:cubicBezTo>
                    <a:pt x="9121" y="4593"/>
                    <a:pt x="9501" y="2661"/>
                    <a:pt x="9121" y="2408"/>
                  </a:cubicBezTo>
                  <a:cubicBezTo>
                    <a:pt x="9046" y="2361"/>
                    <a:pt x="8903" y="2345"/>
                    <a:pt x="8730" y="2345"/>
                  </a:cubicBezTo>
                  <a:cubicBezTo>
                    <a:pt x="8313" y="2345"/>
                    <a:pt x="7720" y="2439"/>
                    <a:pt x="7474" y="2439"/>
                  </a:cubicBezTo>
                  <a:cubicBezTo>
                    <a:pt x="6967" y="2408"/>
                    <a:pt x="6492" y="2376"/>
                    <a:pt x="5986" y="2281"/>
                  </a:cubicBezTo>
                  <a:cubicBezTo>
                    <a:pt x="3864" y="1996"/>
                    <a:pt x="1805" y="1204"/>
                    <a:pt x="0" y="1"/>
                  </a:cubicBezTo>
                  <a:close/>
                </a:path>
              </a:pathLst>
            </a:custGeom>
            <a:solidFill>
              <a:srgbClr val="A3DD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12" name="Google Shape;866;p38">
              <a:extLst>
                <a:ext uri="{FF2B5EF4-FFF2-40B4-BE49-F238E27FC236}">
                  <a16:creationId xmlns:a16="http://schemas.microsoft.com/office/drawing/2014/main" id="{BEE126C0-D4E5-59DF-29AE-C4DE123BA0D9}"/>
                </a:ext>
              </a:extLst>
            </p:cNvPr>
            <p:cNvSpPr/>
            <p:nvPr/>
          </p:nvSpPr>
          <p:spPr>
            <a:xfrm>
              <a:off x="983247" y="1133300"/>
              <a:ext cx="2472109" cy="1383457"/>
            </a:xfrm>
            <a:custGeom>
              <a:avLst/>
              <a:gdLst/>
              <a:ahLst/>
              <a:cxnLst/>
              <a:rect l="l" t="t" r="r" b="b"/>
              <a:pathLst>
                <a:path w="82246" h="46027" extrusionOk="0">
                  <a:moveTo>
                    <a:pt x="951" y="31207"/>
                  </a:moveTo>
                  <a:lnTo>
                    <a:pt x="951" y="31207"/>
                  </a:lnTo>
                  <a:cubicBezTo>
                    <a:pt x="2724" y="32410"/>
                    <a:pt x="4783" y="33202"/>
                    <a:pt x="6936" y="33487"/>
                  </a:cubicBezTo>
                  <a:cubicBezTo>
                    <a:pt x="7411" y="33582"/>
                    <a:pt x="7918" y="33614"/>
                    <a:pt x="8393" y="33645"/>
                  </a:cubicBezTo>
                  <a:cubicBezTo>
                    <a:pt x="8417" y="33647"/>
                    <a:pt x="8444" y="33648"/>
                    <a:pt x="8474" y="33648"/>
                  </a:cubicBezTo>
                  <a:cubicBezTo>
                    <a:pt x="8763" y="33648"/>
                    <a:pt x="9315" y="33556"/>
                    <a:pt x="9694" y="33556"/>
                  </a:cubicBezTo>
                  <a:cubicBezTo>
                    <a:pt x="9847" y="33556"/>
                    <a:pt x="9972" y="33571"/>
                    <a:pt x="10040" y="33614"/>
                  </a:cubicBezTo>
                  <a:cubicBezTo>
                    <a:pt x="10420" y="33867"/>
                    <a:pt x="10040" y="35799"/>
                    <a:pt x="10071" y="36305"/>
                  </a:cubicBezTo>
                  <a:cubicBezTo>
                    <a:pt x="10166" y="39852"/>
                    <a:pt x="11877" y="43241"/>
                    <a:pt x="14600" y="45489"/>
                  </a:cubicBezTo>
                  <a:cubicBezTo>
                    <a:pt x="13840" y="45363"/>
                    <a:pt x="13080" y="45236"/>
                    <a:pt x="12320" y="45046"/>
                  </a:cubicBezTo>
                  <a:cubicBezTo>
                    <a:pt x="7221" y="43779"/>
                    <a:pt x="3484" y="40454"/>
                    <a:pt x="1901" y="35419"/>
                  </a:cubicBezTo>
                  <a:cubicBezTo>
                    <a:pt x="1489" y="34057"/>
                    <a:pt x="1172" y="32632"/>
                    <a:pt x="951" y="31207"/>
                  </a:cubicBezTo>
                  <a:close/>
                  <a:moveTo>
                    <a:pt x="76387" y="377"/>
                  </a:moveTo>
                  <a:cubicBezTo>
                    <a:pt x="78004" y="377"/>
                    <a:pt x="79619" y="417"/>
                    <a:pt x="81232" y="520"/>
                  </a:cubicBezTo>
                  <a:lnTo>
                    <a:pt x="81263" y="520"/>
                  </a:lnTo>
                  <a:cubicBezTo>
                    <a:pt x="80757" y="3908"/>
                    <a:pt x="80978" y="7423"/>
                    <a:pt x="81168" y="10812"/>
                  </a:cubicBezTo>
                  <a:cubicBezTo>
                    <a:pt x="81422" y="14612"/>
                    <a:pt x="81644" y="18381"/>
                    <a:pt x="81739" y="22181"/>
                  </a:cubicBezTo>
                  <a:cubicBezTo>
                    <a:pt x="81992" y="29718"/>
                    <a:pt x="81865" y="37287"/>
                    <a:pt x="81422" y="44793"/>
                  </a:cubicBezTo>
                  <a:lnTo>
                    <a:pt x="81358" y="44793"/>
                  </a:lnTo>
                  <a:cubicBezTo>
                    <a:pt x="75658" y="44983"/>
                    <a:pt x="69958" y="45204"/>
                    <a:pt x="64257" y="45426"/>
                  </a:cubicBezTo>
                  <a:cubicBezTo>
                    <a:pt x="61327" y="45552"/>
                    <a:pt x="42795" y="45815"/>
                    <a:pt x="29273" y="45815"/>
                  </a:cubicBezTo>
                  <a:cubicBezTo>
                    <a:pt x="22335" y="45815"/>
                    <a:pt x="16716" y="45746"/>
                    <a:pt x="15202" y="45553"/>
                  </a:cubicBezTo>
                  <a:cubicBezTo>
                    <a:pt x="11528" y="42766"/>
                    <a:pt x="9691" y="38015"/>
                    <a:pt x="10610" y="33487"/>
                  </a:cubicBezTo>
                  <a:cubicBezTo>
                    <a:pt x="10610" y="33392"/>
                    <a:pt x="10546" y="33297"/>
                    <a:pt x="10451" y="33297"/>
                  </a:cubicBezTo>
                  <a:cubicBezTo>
                    <a:pt x="9982" y="33340"/>
                    <a:pt x="9517" y="33362"/>
                    <a:pt x="9055" y="33362"/>
                  </a:cubicBezTo>
                  <a:cubicBezTo>
                    <a:pt x="6151" y="33362"/>
                    <a:pt x="3401" y="32515"/>
                    <a:pt x="887" y="30985"/>
                  </a:cubicBezTo>
                  <a:cubicBezTo>
                    <a:pt x="317" y="27185"/>
                    <a:pt x="317" y="23226"/>
                    <a:pt x="286" y="19426"/>
                  </a:cubicBezTo>
                  <a:cubicBezTo>
                    <a:pt x="254" y="13155"/>
                    <a:pt x="349" y="6853"/>
                    <a:pt x="254" y="551"/>
                  </a:cubicBezTo>
                  <a:lnTo>
                    <a:pt x="254" y="551"/>
                  </a:lnTo>
                  <a:cubicBezTo>
                    <a:pt x="5954" y="907"/>
                    <a:pt x="31660" y="1032"/>
                    <a:pt x="47363" y="1032"/>
                  </a:cubicBezTo>
                  <a:cubicBezTo>
                    <a:pt x="52597" y="1032"/>
                    <a:pt x="56720" y="1018"/>
                    <a:pt x="58620" y="995"/>
                  </a:cubicBezTo>
                  <a:cubicBezTo>
                    <a:pt x="64538" y="920"/>
                    <a:pt x="70476" y="377"/>
                    <a:pt x="76387" y="377"/>
                  </a:cubicBezTo>
                  <a:close/>
                  <a:moveTo>
                    <a:pt x="76536" y="0"/>
                  </a:moveTo>
                  <a:cubicBezTo>
                    <a:pt x="70565" y="0"/>
                    <a:pt x="64583" y="571"/>
                    <a:pt x="58620" y="646"/>
                  </a:cubicBezTo>
                  <a:cubicBezTo>
                    <a:pt x="57662" y="662"/>
                    <a:pt x="56144" y="669"/>
                    <a:pt x="54208" y="669"/>
                  </a:cubicBezTo>
                  <a:cubicBezTo>
                    <a:pt x="41258" y="669"/>
                    <a:pt x="9578" y="360"/>
                    <a:pt x="1201" y="360"/>
                  </a:cubicBezTo>
                  <a:cubicBezTo>
                    <a:pt x="855" y="360"/>
                    <a:pt x="549" y="360"/>
                    <a:pt x="286" y="361"/>
                  </a:cubicBezTo>
                  <a:cubicBezTo>
                    <a:pt x="191" y="361"/>
                    <a:pt x="159" y="456"/>
                    <a:pt x="191" y="488"/>
                  </a:cubicBezTo>
                  <a:cubicBezTo>
                    <a:pt x="127" y="488"/>
                    <a:pt x="96" y="520"/>
                    <a:pt x="96" y="583"/>
                  </a:cubicBezTo>
                  <a:cubicBezTo>
                    <a:pt x="1" y="6537"/>
                    <a:pt x="1" y="12490"/>
                    <a:pt x="32" y="18476"/>
                  </a:cubicBezTo>
                  <a:cubicBezTo>
                    <a:pt x="32" y="22561"/>
                    <a:pt x="1" y="26805"/>
                    <a:pt x="602" y="30890"/>
                  </a:cubicBezTo>
                  <a:cubicBezTo>
                    <a:pt x="571" y="30922"/>
                    <a:pt x="571" y="30985"/>
                    <a:pt x="602" y="31017"/>
                  </a:cubicBezTo>
                  <a:cubicBezTo>
                    <a:pt x="824" y="32283"/>
                    <a:pt x="1077" y="33519"/>
                    <a:pt x="1394" y="34754"/>
                  </a:cubicBezTo>
                  <a:cubicBezTo>
                    <a:pt x="2598" y="39092"/>
                    <a:pt x="5226" y="42576"/>
                    <a:pt x="9438" y="44381"/>
                  </a:cubicBezTo>
                  <a:cubicBezTo>
                    <a:pt x="11243" y="45141"/>
                    <a:pt x="13112" y="45584"/>
                    <a:pt x="15043" y="45806"/>
                  </a:cubicBezTo>
                  <a:cubicBezTo>
                    <a:pt x="15075" y="45838"/>
                    <a:pt x="15107" y="45869"/>
                    <a:pt x="15170" y="45901"/>
                  </a:cubicBezTo>
                  <a:cubicBezTo>
                    <a:pt x="15204" y="45923"/>
                    <a:pt x="15233" y="45934"/>
                    <a:pt x="15259" y="45934"/>
                  </a:cubicBezTo>
                  <a:cubicBezTo>
                    <a:pt x="15306" y="45934"/>
                    <a:pt x="15340" y="45899"/>
                    <a:pt x="15360" y="45838"/>
                  </a:cubicBezTo>
                  <a:cubicBezTo>
                    <a:pt x="16712" y="45979"/>
                    <a:pt x="23938" y="46027"/>
                    <a:pt x="32259" y="46027"/>
                  </a:cubicBezTo>
                  <a:cubicBezTo>
                    <a:pt x="44404" y="46027"/>
                    <a:pt x="58882" y="45926"/>
                    <a:pt x="60837" y="45869"/>
                  </a:cubicBezTo>
                  <a:cubicBezTo>
                    <a:pt x="67677" y="45616"/>
                    <a:pt x="74518" y="45394"/>
                    <a:pt x="81358" y="45109"/>
                  </a:cubicBezTo>
                  <a:cubicBezTo>
                    <a:pt x="81453" y="45109"/>
                    <a:pt x="81517" y="45014"/>
                    <a:pt x="81517" y="44951"/>
                  </a:cubicBezTo>
                  <a:cubicBezTo>
                    <a:pt x="81532" y="44958"/>
                    <a:pt x="81550" y="44962"/>
                    <a:pt x="81570" y="44962"/>
                  </a:cubicBezTo>
                  <a:cubicBezTo>
                    <a:pt x="81633" y="44962"/>
                    <a:pt x="81707" y="44921"/>
                    <a:pt x="81707" y="44824"/>
                  </a:cubicBezTo>
                  <a:cubicBezTo>
                    <a:pt x="82150" y="37382"/>
                    <a:pt x="82245" y="29908"/>
                    <a:pt x="82024" y="22434"/>
                  </a:cubicBezTo>
                  <a:cubicBezTo>
                    <a:pt x="81802" y="15087"/>
                    <a:pt x="80852" y="7772"/>
                    <a:pt x="81422" y="456"/>
                  </a:cubicBezTo>
                  <a:cubicBezTo>
                    <a:pt x="81422" y="456"/>
                    <a:pt x="81422" y="425"/>
                    <a:pt x="81390" y="425"/>
                  </a:cubicBezTo>
                  <a:cubicBezTo>
                    <a:pt x="81453" y="330"/>
                    <a:pt x="81390" y="171"/>
                    <a:pt x="81263" y="139"/>
                  </a:cubicBezTo>
                  <a:cubicBezTo>
                    <a:pt x="79689" y="40"/>
                    <a:pt x="78112" y="0"/>
                    <a:pt x="76536" y="0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</p:grpSp>
      <p:sp>
        <p:nvSpPr>
          <p:cNvPr id="13" name="Metin kutusu 12">
            <a:extLst>
              <a:ext uri="{FF2B5EF4-FFF2-40B4-BE49-F238E27FC236}">
                <a16:creationId xmlns:a16="http://schemas.microsoft.com/office/drawing/2014/main" id="{914B4148-D5CE-BA39-EE9F-2C936D3D6DCA}"/>
              </a:ext>
            </a:extLst>
          </p:cNvPr>
          <p:cNvSpPr txBox="1"/>
          <p:nvPr/>
        </p:nvSpPr>
        <p:spPr>
          <a:xfrm>
            <a:off x="888005" y="4303916"/>
            <a:ext cx="5489495" cy="1354217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pPr algn="ctr"/>
            <a:r>
              <a:rPr lang="tr-TR" sz="4400" dirty="0">
                <a:solidFill>
                  <a:prstClr val="black"/>
                </a:solidFill>
                <a:latin typeface="Arial"/>
                <a:ea typeface="맑은 고딕"/>
              </a:rPr>
              <a:t>Başlıca güzel ahlaki tutum ve davranışlar </a:t>
            </a:r>
          </a:p>
        </p:txBody>
      </p:sp>
      <p:sp>
        <p:nvSpPr>
          <p:cNvPr id="14" name="Google Shape;1190;p39">
            <a:extLst>
              <a:ext uri="{FF2B5EF4-FFF2-40B4-BE49-F238E27FC236}">
                <a16:creationId xmlns:a16="http://schemas.microsoft.com/office/drawing/2014/main" id="{8B82AF2C-4AC7-B84D-911C-B0677A6BBC8C}"/>
              </a:ext>
            </a:extLst>
          </p:cNvPr>
          <p:cNvSpPr/>
          <p:nvPr/>
        </p:nvSpPr>
        <p:spPr>
          <a:xfrm>
            <a:off x="11200261" y="2007958"/>
            <a:ext cx="3784853" cy="958134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15" name="Google Shape;1194;p39">
            <a:extLst>
              <a:ext uri="{FF2B5EF4-FFF2-40B4-BE49-F238E27FC236}">
                <a16:creationId xmlns:a16="http://schemas.microsoft.com/office/drawing/2014/main" id="{F10388E2-C7EE-DB19-4054-ABEA33DBC91B}"/>
              </a:ext>
            </a:extLst>
          </p:cNvPr>
          <p:cNvSpPr/>
          <p:nvPr/>
        </p:nvSpPr>
        <p:spPr>
          <a:xfrm>
            <a:off x="11223269" y="2047542"/>
            <a:ext cx="3623148" cy="835020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A6DFDA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algn="ctr">
              <a:buClr>
                <a:srgbClr val="000000"/>
              </a:buClr>
              <a:buSzPts val="1100"/>
              <a:buFont typeface="Arial"/>
              <a:buNone/>
            </a:pPr>
            <a:r>
              <a:rPr lang="tr-TR" sz="4400" kern="0" dirty="0">
                <a:solidFill>
                  <a:srgbClr val="000000"/>
                </a:solidFill>
                <a:latin typeface="Arial"/>
                <a:ea typeface="Permanent Marker"/>
                <a:cs typeface="Permanent Marker"/>
                <a:sym typeface="Permanent Marker"/>
              </a:rPr>
              <a:t>Merhamet</a:t>
            </a:r>
            <a:endParaRPr sz="4400" kern="0" dirty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16" name="Google Shape;1190;p39">
            <a:extLst>
              <a:ext uri="{FF2B5EF4-FFF2-40B4-BE49-F238E27FC236}">
                <a16:creationId xmlns:a16="http://schemas.microsoft.com/office/drawing/2014/main" id="{281D52AA-F6AE-4687-2019-5A8884A42746}"/>
              </a:ext>
            </a:extLst>
          </p:cNvPr>
          <p:cNvSpPr/>
          <p:nvPr/>
        </p:nvSpPr>
        <p:spPr>
          <a:xfrm rot="19880813">
            <a:off x="12059860" y="3600109"/>
            <a:ext cx="3322527" cy="749133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17" name="Google Shape;1194;p39">
            <a:extLst>
              <a:ext uri="{FF2B5EF4-FFF2-40B4-BE49-F238E27FC236}">
                <a16:creationId xmlns:a16="http://schemas.microsoft.com/office/drawing/2014/main" id="{7B82D2B3-CF2C-9ABC-056E-B05A89AF0514}"/>
              </a:ext>
            </a:extLst>
          </p:cNvPr>
          <p:cNvSpPr/>
          <p:nvPr/>
        </p:nvSpPr>
        <p:spPr>
          <a:xfrm rot="19880813">
            <a:off x="12239792" y="3646350"/>
            <a:ext cx="3061306" cy="556651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ED7D31">
              <a:lumMod val="40000"/>
              <a:lumOff val="6000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lvl="0" algn="ctr">
              <a:buClr>
                <a:srgbClr val="000000"/>
              </a:buClr>
              <a:buSzPts val="1100"/>
            </a:pPr>
            <a:r>
              <a:rPr lang="tr-TR" sz="3200" kern="0" dirty="0">
                <a:solidFill>
                  <a:srgbClr val="000000"/>
                </a:solidFill>
                <a:latin typeface="Arial"/>
                <a:ea typeface="Permanent Marker"/>
                <a:cs typeface="Permanent Marker"/>
                <a:sym typeface="Permanent Marker"/>
              </a:rPr>
              <a:t>Öz denetim </a:t>
            </a:r>
            <a:endParaRPr kumimoji="0" sz="40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18" name="Google Shape;1190;p39">
            <a:extLst>
              <a:ext uri="{FF2B5EF4-FFF2-40B4-BE49-F238E27FC236}">
                <a16:creationId xmlns:a16="http://schemas.microsoft.com/office/drawing/2014/main" id="{E1C8F5AB-3C3C-2AB8-E2E1-85EB20C19667}"/>
              </a:ext>
            </a:extLst>
          </p:cNvPr>
          <p:cNvSpPr/>
          <p:nvPr/>
        </p:nvSpPr>
        <p:spPr>
          <a:xfrm>
            <a:off x="14516005" y="5989122"/>
            <a:ext cx="3391501" cy="653883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19" name="Google Shape;1194;p39">
            <a:extLst>
              <a:ext uri="{FF2B5EF4-FFF2-40B4-BE49-F238E27FC236}">
                <a16:creationId xmlns:a16="http://schemas.microsoft.com/office/drawing/2014/main" id="{9DE2BCD7-8EC5-8961-D7BD-028F42140E42}"/>
              </a:ext>
            </a:extLst>
          </p:cNvPr>
          <p:cNvSpPr/>
          <p:nvPr/>
        </p:nvSpPr>
        <p:spPr>
          <a:xfrm>
            <a:off x="14516006" y="6028706"/>
            <a:ext cx="3259344" cy="584034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FFC000">
              <a:lumMod val="40000"/>
              <a:lumOff val="6000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  <a:tabLst/>
              <a:defRPr/>
            </a:pPr>
            <a:r>
              <a:rPr kumimoji="0" lang="tr-TR" sz="400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Permanent Marker"/>
                <a:cs typeface="Permanent Marker"/>
                <a:sym typeface="Permanent Marker"/>
              </a:rPr>
              <a:t>Dürüstlük</a:t>
            </a:r>
            <a:endParaRPr kumimoji="0" sz="40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20" name="Google Shape;1190;p39">
            <a:extLst>
              <a:ext uri="{FF2B5EF4-FFF2-40B4-BE49-F238E27FC236}">
                <a16:creationId xmlns:a16="http://schemas.microsoft.com/office/drawing/2014/main" id="{C88C1AD3-CFA2-08FF-D22C-17923C00E314}"/>
              </a:ext>
            </a:extLst>
          </p:cNvPr>
          <p:cNvSpPr/>
          <p:nvPr/>
        </p:nvSpPr>
        <p:spPr>
          <a:xfrm>
            <a:off x="7666438" y="3542234"/>
            <a:ext cx="4225370" cy="953435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21" name="Google Shape;1194;p39">
            <a:extLst>
              <a:ext uri="{FF2B5EF4-FFF2-40B4-BE49-F238E27FC236}">
                <a16:creationId xmlns:a16="http://schemas.microsoft.com/office/drawing/2014/main" id="{4B160CF2-1895-D443-ABBE-54C1395EFD4D}"/>
              </a:ext>
            </a:extLst>
          </p:cNvPr>
          <p:cNvSpPr/>
          <p:nvPr/>
        </p:nvSpPr>
        <p:spPr>
          <a:xfrm>
            <a:off x="7733771" y="3604896"/>
            <a:ext cx="4044844" cy="864538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5B9BD5">
              <a:lumMod val="60000"/>
              <a:lumOff val="4000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  <a:tabLst/>
              <a:defRPr/>
            </a:pPr>
            <a:r>
              <a:rPr kumimoji="0" lang="tr-TR" sz="400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Permanent Marker"/>
                <a:cs typeface="Permanent Marker"/>
                <a:sym typeface="Permanent Marker"/>
              </a:rPr>
              <a:t>Doğruluk</a:t>
            </a:r>
            <a:endParaRPr kumimoji="0" sz="40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22" name="Google Shape;1190;p39">
            <a:extLst>
              <a:ext uri="{FF2B5EF4-FFF2-40B4-BE49-F238E27FC236}">
                <a16:creationId xmlns:a16="http://schemas.microsoft.com/office/drawing/2014/main" id="{57B262A3-3C2B-9B19-13C8-1CA9677CB2D2}"/>
              </a:ext>
            </a:extLst>
          </p:cNvPr>
          <p:cNvSpPr/>
          <p:nvPr/>
        </p:nvSpPr>
        <p:spPr>
          <a:xfrm rot="950495">
            <a:off x="7581126" y="5902095"/>
            <a:ext cx="4275760" cy="822921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23" name="Google Shape;1194;p39">
            <a:extLst>
              <a:ext uri="{FF2B5EF4-FFF2-40B4-BE49-F238E27FC236}">
                <a16:creationId xmlns:a16="http://schemas.microsoft.com/office/drawing/2014/main" id="{CFCF5556-BD01-20DA-FD96-E690C858D403}"/>
              </a:ext>
            </a:extLst>
          </p:cNvPr>
          <p:cNvSpPr/>
          <p:nvPr/>
        </p:nvSpPr>
        <p:spPr>
          <a:xfrm rot="950495">
            <a:off x="7644528" y="5932063"/>
            <a:ext cx="4093081" cy="746192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70AD47">
              <a:lumMod val="40000"/>
              <a:lumOff val="6000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Permanent Marker"/>
                <a:cs typeface="Permanent Marker"/>
                <a:sym typeface="Permanent Marker"/>
              </a:rPr>
              <a:t>Yardımlaşma</a:t>
            </a:r>
            <a:endParaRPr kumimoji="0" sz="36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24" name="Google Shape;1190;p39">
            <a:extLst>
              <a:ext uri="{FF2B5EF4-FFF2-40B4-BE49-F238E27FC236}">
                <a16:creationId xmlns:a16="http://schemas.microsoft.com/office/drawing/2014/main" id="{1D96D989-1ECD-4B38-1EDF-1B7B57E3FEFF}"/>
              </a:ext>
            </a:extLst>
          </p:cNvPr>
          <p:cNvSpPr/>
          <p:nvPr/>
        </p:nvSpPr>
        <p:spPr>
          <a:xfrm rot="19292976">
            <a:off x="15238207" y="2120948"/>
            <a:ext cx="2974693" cy="822865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25" name="Google Shape;1194;p39">
            <a:extLst>
              <a:ext uri="{FF2B5EF4-FFF2-40B4-BE49-F238E27FC236}">
                <a16:creationId xmlns:a16="http://schemas.microsoft.com/office/drawing/2014/main" id="{217D5D90-6287-EE4F-EE38-E228FB7085B2}"/>
              </a:ext>
            </a:extLst>
          </p:cNvPr>
          <p:cNvSpPr/>
          <p:nvPr/>
        </p:nvSpPr>
        <p:spPr>
          <a:xfrm rot="19292976">
            <a:off x="15306125" y="2155784"/>
            <a:ext cx="2847602" cy="746142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A5A5A5">
              <a:lumMod val="60000"/>
              <a:lumOff val="4000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Permanent Marker"/>
                <a:cs typeface="Permanent Marker"/>
                <a:sym typeface="Permanent Marker"/>
              </a:rPr>
              <a:t>Dayanışma</a:t>
            </a:r>
            <a:endParaRPr kumimoji="0" sz="36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grpSp>
        <p:nvGrpSpPr>
          <p:cNvPr id="26" name="Google Shape;859;p38">
            <a:extLst>
              <a:ext uri="{FF2B5EF4-FFF2-40B4-BE49-F238E27FC236}">
                <a16:creationId xmlns:a16="http://schemas.microsoft.com/office/drawing/2014/main" id="{64B76D55-410F-27CC-8C80-CF046F89E30F}"/>
              </a:ext>
            </a:extLst>
          </p:cNvPr>
          <p:cNvGrpSpPr/>
          <p:nvPr/>
        </p:nvGrpSpPr>
        <p:grpSpPr>
          <a:xfrm>
            <a:off x="11184605" y="160208"/>
            <a:ext cx="4173949" cy="1683181"/>
            <a:chOff x="983247" y="1133300"/>
            <a:chExt cx="2510162" cy="1432601"/>
          </a:xfrm>
        </p:grpSpPr>
        <p:sp>
          <p:nvSpPr>
            <p:cNvPr id="27" name="Google Shape;860;p38">
              <a:extLst>
                <a:ext uri="{FF2B5EF4-FFF2-40B4-BE49-F238E27FC236}">
                  <a16:creationId xmlns:a16="http://schemas.microsoft.com/office/drawing/2014/main" id="{E323F9C7-2FF7-9EC7-FD41-B8768CE34A0A}"/>
                </a:ext>
              </a:extLst>
            </p:cNvPr>
            <p:cNvSpPr/>
            <p:nvPr/>
          </p:nvSpPr>
          <p:spPr>
            <a:xfrm>
              <a:off x="1143603" y="1150793"/>
              <a:ext cx="2349805" cy="1415107"/>
            </a:xfrm>
            <a:custGeom>
              <a:avLst/>
              <a:gdLst/>
              <a:ahLst/>
              <a:cxnLst/>
              <a:rect l="l" t="t" r="r" b="b"/>
              <a:pathLst>
                <a:path w="78177" h="47080" extrusionOk="0">
                  <a:moveTo>
                    <a:pt x="76253" y="1"/>
                  </a:moveTo>
                  <a:cubicBezTo>
                    <a:pt x="75699" y="1"/>
                    <a:pt x="75121" y="349"/>
                    <a:pt x="75073" y="1046"/>
                  </a:cubicBezTo>
                  <a:cubicBezTo>
                    <a:pt x="74187" y="12003"/>
                    <a:pt x="75833" y="22929"/>
                    <a:pt x="75738" y="33887"/>
                  </a:cubicBezTo>
                  <a:cubicBezTo>
                    <a:pt x="75707" y="36642"/>
                    <a:pt x="75580" y="39397"/>
                    <a:pt x="75263" y="42120"/>
                  </a:cubicBezTo>
                  <a:cubicBezTo>
                    <a:pt x="75232" y="42437"/>
                    <a:pt x="75295" y="43324"/>
                    <a:pt x="75073" y="43546"/>
                  </a:cubicBezTo>
                  <a:cubicBezTo>
                    <a:pt x="74757" y="43831"/>
                    <a:pt x="73585" y="43704"/>
                    <a:pt x="73142" y="43767"/>
                  </a:cubicBezTo>
                  <a:cubicBezTo>
                    <a:pt x="71685" y="43894"/>
                    <a:pt x="70260" y="44052"/>
                    <a:pt x="68803" y="44147"/>
                  </a:cubicBezTo>
                  <a:cubicBezTo>
                    <a:pt x="63795" y="44574"/>
                    <a:pt x="30130" y="44822"/>
                    <a:pt x="19280" y="44822"/>
                  </a:cubicBezTo>
                  <a:cubicBezTo>
                    <a:pt x="18053" y="44822"/>
                    <a:pt x="17118" y="44819"/>
                    <a:pt x="16549" y="44812"/>
                  </a:cubicBezTo>
                  <a:cubicBezTo>
                    <a:pt x="13604" y="44781"/>
                    <a:pt x="10627" y="44559"/>
                    <a:pt x="7713" y="43989"/>
                  </a:cubicBezTo>
                  <a:cubicBezTo>
                    <a:pt x="4895" y="43451"/>
                    <a:pt x="2488" y="42310"/>
                    <a:pt x="144" y="40664"/>
                  </a:cubicBezTo>
                  <a:cubicBezTo>
                    <a:pt x="130" y="40649"/>
                    <a:pt x="113" y="40643"/>
                    <a:pt x="97" y="40643"/>
                  </a:cubicBezTo>
                  <a:cubicBezTo>
                    <a:pt x="45" y="40643"/>
                    <a:pt x="1" y="40710"/>
                    <a:pt x="49" y="40759"/>
                  </a:cubicBezTo>
                  <a:cubicBezTo>
                    <a:pt x="2995" y="44844"/>
                    <a:pt x="8505" y="46554"/>
                    <a:pt x="13287" y="46902"/>
                  </a:cubicBezTo>
                  <a:cubicBezTo>
                    <a:pt x="15110" y="47028"/>
                    <a:pt x="20236" y="47080"/>
                    <a:pt x="26655" y="47080"/>
                  </a:cubicBezTo>
                  <a:cubicBezTo>
                    <a:pt x="41315" y="47080"/>
                    <a:pt x="62718" y="46809"/>
                    <a:pt x="66903" y="46522"/>
                  </a:cubicBezTo>
                  <a:cubicBezTo>
                    <a:pt x="68328" y="46396"/>
                    <a:pt x="69785" y="46269"/>
                    <a:pt x="71210" y="46142"/>
                  </a:cubicBezTo>
                  <a:cubicBezTo>
                    <a:pt x="72667" y="46016"/>
                    <a:pt x="74250" y="46016"/>
                    <a:pt x="75643" y="45667"/>
                  </a:cubicBezTo>
                  <a:cubicBezTo>
                    <a:pt x="76594" y="45414"/>
                    <a:pt x="77100" y="44749"/>
                    <a:pt x="77259" y="43831"/>
                  </a:cubicBezTo>
                  <a:cubicBezTo>
                    <a:pt x="77544" y="42342"/>
                    <a:pt x="77639" y="40790"/>
                    <a:pt x="77734" y="39302"/>
                  </a:cubicBezTo>
                  <a:cubicBezTo>
                    <a:pt x="78177" y="33348"/>
                    <a:pt x="77860" y="27331"/>
                    <a:pt x="77512" y="21377"/>
                  </a:cubicBezTo>
                  <a:cubicBezTo>
                    <a:pt x="77132" y="14600"/>
                    <a:pt x="76720" y="7823"/>
                    <a:pt x="77290" y="1046"/>
                  </a:cubicBezTo>
                  <a:cubicBezTo>
                    <a:pt x="77338" y="349"/>
                    <a:pt x="76807" y="1"/>
                    <a:pt x="76253" y="1"/>
                  </a:cubicBezTo>
                  <a:close/>
                </a:path>
              </a:pathLst>
            </a:custGeom>
            <a:solidFill>
              <a:srgbClr val="D6D6D6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28" name="Google Shape;861;p38">
              <a:extLst>
                <a:ext uri="{FF2B5EF4-FFF2-40B4-BE49-F238E27FC236}">
                  <a16:creationId xmlns:a16="http://schemas.microsoft.com/office/drawing/2014/main" id="{C90EB09E-94CE-3BD2-9CEF-72478B15159A}"/>
                </a:ext>
              </a:extLst>
            </p:cNvPr>
            <p:cNvSpPr/>
            <p:nvPr/>
          </p:nvSpPr>
          <p:spPr>
            <a:xfrm>
              <a:off x="991813" y="1144602"/>
              <a:ext cx="2455908" cy="1372486"/>
            </a:xfrm>
            <a:custGeom>
              <a:avLst/>
              <a:gdLst/>
              <a:ahLst/>
              <a:cxnLst/>
              <a:rect l="l" t="t" r="r" b="b"/>
              <a:pathLst>
                <a:path w="81707" h="45662" extrusionOk="0">
                  <a:moveTo>
                    <a:pt x="76117" y="1"/>
                  </a:moveTo>
                  <a:cubicBezTo>
                    <a:pt x="70192" y="1"/>
                    <a:pt x="64260" y="544"/>
                    <a:pt x="58367" y="619"/>
                  </a:cubicBezTo>
                  <a:cubicBezTo>
                    <a:pt x="56294" y="644"/>
                    <a:pt x="51576" y="661"/>
                    <a:pt x="45656" y="661"/>
                  </a:cubicBezTo>
                  <a:cubicBezTo>
                    <a:pt x="29869" y="661"/>
                    <a:pt x="5537" y="544"/>
                    <a:pt x="32" y="175"/>
                  </a:cubicBezTo>
                  <a:lnTo>
                    <a:pt x="1" y="175"/>
                  </a:lnTo>
                  <a:cubicBezTo>
                    <a:pt x="1" y="175"/>
                    <a:pt x="1" y="207"/>
                    <a:pt x="1" y="207"/>
                  </a:cubicBezTo>
                  <a:cubicBezTo>
                    <a:pt x="96" y="6509"/>
                    <a:pt x="32" y="12843"/>
                    <a:pt x="64" y="19177"/>
                  </a:cubicBezTo>
                  <a:cubicBezTo>
                    <a:pt x="64" y="22977"/>
                    <a:pt x="64" y="26935"/>
                    <a:pt x="666" y="30767"/>
                  </a:cubicBezTo>
                  <a:cubicBezTo>
                    <a:pt x="3211" y="32316"/>
                    <a:pt x="5997" y="33165"/>
                    <a:pt x="8941" y="33165"/>
                  </a:cubicBezTo>
                  <a:cubicBezTo>
                    <a:pt x="9367" y="33165"/>
                    <a:pt x="9797" y="33147"/>
                    <a:pt x="10230" y="33111"/>
                  </a:cubicBezTo>
                  <a:cubicBezTo>
                    <a:pt x="10240" y="33107"/>
                    <a:pt x="10250" y="33106"/>
                    <a:pt x="10258" y="33106"/>
                  </a:cubicBezTo>
                  <a:cubicBezTo>
                    <a:pt x="10331" y="33106"/>
                    <a:pt x="10356" y="33213"/>
                    <a:pt x="10356" y="33269"/>
                  </a:cubicBezTo>
                  <a:cubicBezTo>
                    <a:pt x="9438" y="37829"/>
                    <a:pt x="11275" y="42612"/>
                    <a:pt x="14948" y="45398"/>
                  </a:cubicBezTo>
                  <a:cubicBezTo>
                    <a:pt x="16463" y="45592"/>
                    <a:pt x="22078" y="45661"/>
                    <a:pt x="29011" y="45661"/>
                  </a:cubicBezTo>
                  <a:cubicBezTo>
                    <a:pt x="42523" y="45661"/>
                    <a:pt x="61042" y="45397"/>
                    <a:pt x="63972" y="45272"/>
                  </a:cubicBezTo>
                  <a:cubicBezTo>
                    <a:pt x="69673" y="45050"/>
                    <a:pt x="75373" y="44828"/>
                    <a:pt x="81073" y="44638"/>
                  </a:cubicBezTo>
                  <a:lnTo>
                    <a:pt x="81168" y="44638"/>
                  </a:lnTo>
                  <a:cubicBezTo>
                    <a:pt x="81580" y="37069"/>
                    <a:pt x="81707" y="29501"/>
                    <a:pt x="81485" y="21900"/>
                  </a:cubicBezTo>
                  <a:cubicBezTo>
                    <a:pt x="81359" y="18100"/>
                    <a:pt x="81137" y="14300"/>
                    <a:pt x="80883" y="10499"/>
                  </a:cubicBezTo>
                  <a:cubicBezTo>
                    <a:pt x="80693" y="7079"/>
                    <a:pt x="80472" y="3564"/>
                    <a:pt x="80978" y="144"/>
                  </a:cubicBezTo>
                  <a:cubicBezTo>
                    <a:pt x="79359" y="41"/>
                    <a:pt x="77738" y="1"/>
                    <a:pt x="76117" y="1"/>
                  </a:cubicBezTo>
                  <a:close/>
                </a:path>
              </a:pathLst>
            </a:custGeom>
            <a:solidFill>
              <a:srgbClr val="A3DD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algn="ctr"/>
              <a:r>
                <a:rPr lang="tr-TR" sz="4400" dirty="0">
                  <a:solidFill>
                    <a:prstClr val="black"/>
                  </a:solidFill>
                  <a:latin typeface="Arial"/>
                  <a:ea typeface="맑은 고딕"/>
                </a:rPr>
                <a:t>Güzel Ahlak</a:t>
              </a:r>
              <a:endParaRPr sz="4400" dirty="0"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29" name="Google Shape;862;p38">
              <a:extLst>
                <a:ext uri="{FF2B5EF4-FFF2-40B4-BE49-F238E27FC236}">
                  <a16:creationId xmlns:a16="http://schemas.microsoft.com/office/drawing/2014/main" id="{82FE9386-BE46-0895-1F58-A8885DB963E9}"/>
                </a:ext>
              </a:extLst>
            </p:cNvPr>
            <p:cNvSpPr/>
            <p:nvPr/>
          </p:nvSpPr>
          <p:spPr>
            <a:xfrm>
              <a:off x="987064" y="1143970"/>
              <a:ext cx="2441631" cy="241061"/>
            </a:xfrm>
            <a:custGeom>
              <a:avLst/>
              <a:gdLst/>
              <a:ahLst/>
              <a:cxnLst/>
              <a:rect l="l" t="t" r="r" b="b"/>
              <a:pathLst>
                <a:path w="81232" h="8020" extrusionOk="0">
                  <a:moveTo>
                    <a:pt x="80176" y="0"/>
                  </a:moveTo>
                  <a:cubicBezTo>
                    <a:pt x="80149" y="0"/>
                    <a:pt x="80121" y="2"/>
                    <a:pt x="80091" y="6"/>
                  </a:cubicBezTo>
                  <a:cubicBezTo>
                    <a:pt x="72871" y="418"/>
                    <a:pt x="65587" y="481"/>
                    <a:pt x="58335" y="481"/>
                  </a:cubicBezTo>
                  <a:cubicBezTo>
                    <a:pt x="51535" y="452"/>
                    <a:pt x="13552" y="32"/>
                    <a:pt x="2862" y="32"/>
                  </a:cubicBezTo>
                  <a:cubicBezTo>
                    <a:pt x="2151" y="32"/>
                    <a:pt x="1561" y="34"/>
                    <a:pt x="1109" y="38"/>
                  </a:cubicBezTo>
                  <a:cubicBezTo>
                    <a:pt x="919" y="38"/>
                    <a:pt x="792" y="133"/>
                    <a:pt x="729" y="228"/>
                  </a:cubicBezTo>
                  <a:cubicBezTo>
                    <a:pt x="650" y="184"/>
                    <a:pt x="558" y="162"/>
                    <a:pt x="467" y="162"/>
                  </a:cubicBezTo>
                  <a:cubicBezTo>
                    <a:pt x="232" y="162"/>
                    <a:pt x="0" y="311"/>
                    <a:pt x="0" y="608"/>
                  </a:cubicBezTo>
                  <a:cubicBezTo>
                    <a:pt x="32" y="1875"/>
                    <a:pt x="127" y="3141"/>
                    <a:pt x="190" y="4408"/>
                  </a:cubicBezTo>
                  <a:cubicBezTo>
                    <a:pt x="222" y="4820"/>
                    <a:pt x="190" y="5263"/>
                    <a:pt x="254" y="5675"/>
                  </a:cubicBezTo>
                  <a:lnTo>
                    <a:pt x="254" y="5770"/>
                  </a:lnTo>
                  <a:cubicBezTo>
                    <a:pt x="190" y="5833"/>
                    <a:pt x="127" y="5928"/>
                    <a:pt x="127" y="6055"/>
                  </a:cubicBezTo>
                  <a:lnTo>
                    <a:pt x="95" y="7322"/>
                  </a:lnTo>
                  <a:cubicBezTo>
                    <a:pt x="95" y="7543"/>
                    <a:pt x="285" y="7702"/>
                    <a:pt x="507" y="7733"/>
                  </a:cubicBezTo>
                  <a:cubicBezTo>
                    <a:pt x="3159" y="7957"/>
                    <a:pt x="5831" y="8019"/>
                    <a:pt x="8509" y="8019"/>
                  </a:cubicBezTo>
                  <a:cubicBezTo>
                    <a:pt x="11523" y="8019"/>
                    <a:pt x="14543" y="7940"/>
                    <a:pt x="17545" y="7923"/>
                  </a:cubicBezTo>
                  <a:cubicBezTo>
                    <a:pt x="21155" y="7892"/>
                    <a:pt x="60267" y="7860"/>
                    <a:pt x="63877" y="7797"/>
                  </a:cubicBezTo>
                  <a:cubicBezTo>
                    <a:pt x="67022" y="7870"/>
                    <a:pt x="70156" y="7943"/>
                    <a:pt x="73286" y="7943"/>
                  </a:cubicBezTo>
                  <a:cubicBezTo>
                    <a:pt x="75577" y="7943"/>
                    <a:pt x="77866" y="7904"/>
                    <a:pt x="80155" y="7797"/>
                  </a:cubicBezTo>
                  <a:cubicBezTo>
                    <a:pt x="81041" y="7733"/>
                    <a:pt x="81200" y="6625"/>
                    <a:pt x="80598" y="6245"/>
                  </a:cubicBezTo>
                  <a:cubicBezTo>
                    <a:pt x="80946" y="6023"/>
                    <a:pt x="81041" y="5548"/>
                    <a:pt x="80883" y="5200"/>
                  </a:cubicBezTo>
                  <a:cubicBezTo>
                    <a:pt x="80851" y="3775"/>
                    <a:pt x="80725" y="2445"/>
                    <a:pt x="81105" y="988"/>
                  </a:cubicBezTo>
                  <a:cubicBezTo>
                    <a:pt x="81231" y="545"/>
                    <a:pt x="80915" y="228"/>
                    <a:pt x="80566" y="196"/>
                  </a:cubicBezTo>
                  <a:cubicBezTo>
                    <a:pt x="80484" y="86"/>
                    <a:pt x="80354" y="0"/>
                    <a:pt x="80176" y="0"/>
                  </a:cubicBezTo>
                  <a:close/>
                </a:path>
              </a:pathLst>
            </a:custGeom>
            <a:solidFill>
              <a:srgbClr val="95D4F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30" name="Google Shape;863;p38">
              <a:extLst>
                <a:ext uri="{FF2B5EF4-FFF2-40B4-BE49-F238E27FC236}">
                  <a16:creationId xmlns:a16="http://schemas.microsoft.com/office/drawing/2014/main" id="{58104EEE-C1F7-973A-B0E6-FA5318CE6C63}"/>
                </a:ext>
              </a:extLst>
            </p:cNvPr>
            <p:cNvSpPr/>
            <p:nvPr/>
          </p:nvSpPr>
          <p:spPr>
            <a:xfrm>
              <a:off x="992084" y="2058171"/>
              <a:ext cx="478275" cy="447256"/>
            </a:xfrm>
            <a:custGeom>
              <a:avLst/>
              <a:gdLst/>
              <a:ahLst/>
              <a:cxnLst/>
              <a:rect l="l" t="t" r="r" b="b"/>
              <a:pathLst>
                <a:path w="15912" h="14880" extrusionOk="0">
                  <a:moveTo>
                    <a:pt x="1575" y="1767"/>
                  </a:moveTo>
                  <a:cubicBezTo>
                    <a:pt x="1702" y="1830"/>
                    <a:pt x="1797" y="1862"/>
                    <a:pt x="1923" y="1925"/>
                  </a:cubicBezTo>
                  <a:cubicBezTo>
                    <a:pt x="1828" y="1957"/>
                    <a:pt x="1765" y="2052"/>
                    <a:pt x="1733" y="2115"/>
                  </a:cubicBezTo>
                  <a:cubicBezTo>
                    <a:pt x="1670" y="2020"/>
                    <a:pt x="1638" y="1893"/>
                    <a:pt x="1575" y="1767"/>
                  </a:cubicBezTo>
                  <a:close/>
                  <a:moveTo>
                    <a:pt x="1023" y="0"/>
                  </a:moveTo>
                  <a:cubicBezTo>
                    <a:pt x="417" y="0"/>
                    <a:pt x="0" y="883"/>
                    <a:pt x="593" y="1260"/>
                  </a:cubicBezTo>
                  <a:cubicBezTo>
                    <a:pt x="688" y="1830"/>
                    <a:pt x="973" y="2400"/>
                    <a:pt x="1195" y="2970"/>
                  </a:cubicBezTo>
                  <a:cubicBezTo>
                    <a:pt x="1290" y="3224"/>
                    <a:pt x="1385" y="3477"/>
                    <a:pt x="1512" y="3730"/>
                  </a:cubicBezTo>
                  <a:cubicBezTo>
                    <a:pt x="1353" y="3825"/>
                    <a:pt x="1258" y="4015"/>
                    <a:pt x="1322" y="4237"/>
                  </a:cubicBezTo>
                  <a:cubicBezTo>
                    <a:pt x="1575" y="5409"/>
                    <a:pt x="2145" y="6517"/>
                    <a:pt x="3000" y="7404"/>
                  </a:cubicBezTo>
                  <a:cubicBezTo>
                    <a:pt x="3539" y="8671"/>
                    <a:pt x="4172" y="9842"/>
                    <a:pt x="5122" y="10856"/>
                  </a:cubicBezTo>
                  <a:cubicBezTo>
                    <a:pt x="7561" y="13453"/>
                    <a:pt x="11329" y="14213"/>
                    <a:pt x="14686" y="14783"/>
                  </a:cubicBezTo>
                  <a:cubicBezTo>
                    <a:pt x="14739" y="14796"/>
                    <a:pt x="14786" y="14803"/>
                    <a:pt x="14829" y="14803"/>
                  </a:cubicBezTo>
                  <a:cubicBezTo>
                    <a:pt x="14891" y="14803"/>
                    <a:pt x="14947" y="14788"/>
                    <a:pt x="15003" y="14751"/>
                  </a:cubicBezTo>
                  <a:lnTo>
                    <a:pt x="15066" y="14814"/>
                  </a:lnTo>
                  <a:cubicBezTo>
                    <a:pt x="15103" y="14861"/>
                    <a:pt x="15148" y="14880"/>
                    <a:pt x="15194" y="14880"/>
                  </a:cubicBezTo>
                  <a:cubicBezTo>
                    <a:pt x="15304" y="14880"/>
                    <a:pt x="15415" y="14768"/>
                    <a:pt x="15415" y="14656"/>
                  </a:cubicBezTo>
                  <a:cubicBezTo>
                    <a:pt x="15510" y="14688"/>
                    <a:pt x="15605" y="14719"/>
                    <a:pt x="15700" y="14751"/>
                  </a:cubicBezTo>
                  <a:cubicBezTo>
                    <a:pt x="15712" y="14753"/>
                    <a:pt x="15723" y="14755"/>
                    <a:pt x="15734" y="14755"/>
                  </a:cubicBezTo>
                  <a:cubicBezTo>
                    <a:pt x="15866" y="14755"/>
                    <a:pt x="15912" y="14588"/>
                    <a:pt x="15795" y="14529"/>
                  </a:cubicBezTo>
                  <a:cubicBezTo>
                    <a:pt x="15700" y="14466"/>
                    <a:pt x="15605" y="14371"/>
                    <a:pt x="15510" y="14308"/>
                  </a:cubicBezTo>
                  <a:cubicBezTo>
                    <a:pt x="15492" y="14290"/>
                    <a:pt x="15472" y="14282"/>
                    <a:pt x="15452" y="14282"/>
                  </a:cubicBezTo>
                  <a:cubicBezTo>
                    <a:pt x="15401" y="14282"/>
                    <a:pt x="15351" y="14334"/>
                    <a:pt x="15351" y="14403"/>
                  </a:cubicBezTo>
                  <a:lnTo>
                    <a:pt x="15319" y="14403"/>
                  </a:lnTo>
                  <a:cubicBezTo>
                    <a:pt x="15351" y="14213"/>
                    <a:pt x="15288" y="13991"/>
                    <a:pt x="15066" y="13864"/>
                  </a:cubicBezTo>
                  <a:cubicBezTo>
                    <a:pt x="11393" y="11521"/>
                    <a:pt x="10917" y="6675"/>
                    <a:pt x="10886" y="2717"/>
                  </a:cubicBezTo>
                  <a:cubicBezTo>
                    <a:pt x="10886" y="2414"/>
                    <a:pt x="10625" y="2081"/>
                    <a:pt x="10297" y="2081"/>
                  </a:cubicBezTo>
                  <a:cubicBezTo>
                    <a:pt x="10282" y="2081"/>
                    <a:pt x="10267" y="2082"/>
                    <a:pt x="10252" y="2083"/>
                  </a:cubicBezTo>
                  <a:cubicBezTo>
                    <a:pt x="9893" y="2105"/>
                    <a:pt x="9535" y="2116"/>
                    <a:pt x="9178" y="2116"/>
                  </a:cubicBezTo>
                  <a:cubicBezTo>
                    <a:pt x="6424" y="2116"/>
                    <a:pt x="3765" y="1462"/>
                    <a:pt x="1353" y="88"/>
                  </a:cubicBezTo>
                  <a:cubicBezTo>
                    <a:pt x="1240" y="27"/>
                    <a:pt x="1129" y="0"/>
                    <a:pt x="1023" y="0"/>
                  </a:cubicBezTo>
                  <a:close/>
                </a:path>
              </a:pathLst>
            </a:custGeom>
            <a:solidFill>
              <a:srgbClr val="95D4F4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31" name="Google Shape;864;p38">
              <a:extLst>
                <a:ext uri="{FF2B5EF4-FFF2-40B4-BE49-F238E27FC236}">
                  <a16:creationId xmlns:a16="http://schemas.microsoft.com/office/drawing/2014/main" id="{873A06DD-0F53-7A3D-AF4F-E0C0D60E510D}"/>
                </a:ext>
              </a:extLst>
            </p:cNvPr>
            <p:cNvSpPr/>
            <p:nvPr/>
          </p:nvSpPr>
          <p:spPr>
            <a:xfrm>
              <a:off x="3306360" y="1768687"/>
              <a:ext cx="92818" cy="610227"/>
            </a:xfrm>
            <a:custGeom>
              <a:avLst/>
              <a:gdLst/>
              <a:ahLst/>
              <a:cxnLst/>
              <a:rect l="l" t="t" r="r" b="b"/>
              <a:pathLst>
                <a:path w="3088" h="20302" extrusionOk="0">
                  <a:moveTo>
                    <a:pt x="2221" y="1"/>
                  </a:moveTo>
                  <a:cubicBezTo>
                    <a:pt x="2122" y="1"/>
                    <a:pt x="2026" y="49"/>
                    <a:pt x="2011" y="155"/>
                  </a:cubicBezTo>
                  <a:cubicBezTo>
                    <a:pt x="1726" y="2055"/>
                    <a:pt x="1726" y="4019"/>
                    <a:pt x="1568" y="5919"/>
                  </a:cubicBezTo>
                  <a:cubicBezTo>
                    <a:pt x="1378" y="7883"/>
                    <a:pt x="1251" y="9878"/>
                    <a:pt x="1029" y="11841"/>
                  </a:cubicBezTo>
                  <a:cubicBezTo>
                    <a:pt x="776" y="13868"/>
                    <a:pt x="491" y="15895"/>
                    <a:pt x="174" y="17922"/>
                  </a:cubicBezTo>
                  <a:cubicBezTo>
                    <a:pt x="1" y="18992"/>
                    <a:pt x="144" y="20301"/>
                    <a:pt x="1379" y="20301"/>
                  </a:cubicBezTo>
                  <a:cubicBezTo>
                    <a:pt x="1495" y="20301"/>
                    <a:pt x="1621" y="20290"/>
                    <a:pt x="1758" y="20265"/>
                  </a:cubicBezTo>
                  <a:cubicBezTo>
                    <a:pt x="2423" y="20107"/>
                    <a:pt x="2708" y="19125"/>
                    <a:pt x="2264" y="18618"/>
                  </a:cubicBezTo>
                  <a:cubicBezTo>
                    <a:pt x="2264" y="18587"/>
                    <a:pt x="2264" y="18523"/>
                    <a:pt x="2264" y="18428"/>
                  </a:cubicBezTo>
                  <a:cubicBezTo>
                    <a:pt x="2296" y="18302"/>
                    <a:pt x="2328" y="18143"/>
                    <a:pt x="2328" y="17985"/>
                  </a:cubicBezTo>
                  <a:cubicBezTo>
                    <a:pt x="2391" y="17573"/>
                    <a:pt x="2423" y="17193"/>
                    <a:pt x="2486" y="16781"/>
                  </a:cubicBezTo>
                  <a:cubicBezTo>
                    <a:pt x="2581" y="16021"/>
                    <a:pt x="2644" y="15230"/>
                    <a:pt x="2739" y="14438"/>
                  </a:cubicBezTo>
                  <a:cubicBezTo>
                    <a:pt x="2866" y="12791"/>
                    <a:pt x="2961" y="11144"/>
                    <a:pt x="2993" y="9466"/>
                  </a:cubicBezTo>
                  <a:cubicBezTo>
                    <a:pt x="3088" y="6457"/>
                    <a:pt x="3088" y="3132"/>
                    <a:pt x="2454" y="155"/>
                  </a:cubicBezTo>
                  <a:cubicBezTo>
                    <a:pt x="2438" y="57"/>
                    <a:pt x="2328" y="1"/>
                    <a:pt x="2221" y="1"/>
                  </a:cubicBezTo>
                  <a:close/>
                </a:path>
              </a:pathLst>
            </a:custGeom>
            <a:solidFill>
              <a:srgbClr val="EEEDE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32" name="Google Shape;865;p38">
              <a:extLst>
                <a:ext uri="{FF2B5EF4-FFF2-40B4-BE49-F238E27FC236}">
                  <a16:creationId xmlns:a16="http://schemas.microsoft.com/office/drawing/2014/main" id="{CFD91185-8D4D-13E7-1F03-060EA8B4E5C6}"/>
                </a:ext>
              </a:extLst>
            </p:cNvPr>
            <p:cNvSpPr/>
            <p:nvPr/>
          </p:nvSpPr>
          <p:spPr>
            <a:xfrm>
              <a:off x="1010869" y="2071276"/>
              <a:ext cx="411247" cy="429341"/>
            </a:xfrm>
            <a:custGeom>
              <a:avLst/>
              <a:gdLst/>
              <a:ahLst/>
              <a:cxnLst/>
              <a:rect l="l" t="t" r="r" b="b"/>
              <a:pathLst>
                <a:path w="13682" h="14284" extrusionOk="0">
                  <a:moveTo>
                    <a:pt x="0" y="1"/>
                  </a:moveTo>
                  <a:lnTo>
                    <a:pt x="0" y="1"/>
                  </a:lnTo>
                  <a:cubicBezTo>
                    <a:pt x="253" y="1426"/>
                    <a:pt x="538" y="2851"/>
                    <a:pt x="982" y="4213"/>
                  </a:cubicBezTo>
                  <a:cubicBezTo>
                    <a:pt x="2565" y="9248"/>
                    <a:pt x="6271" y="12573"/>
                    <a:pt x="11401" y="13840"/>
                  </a:cubicBezTo>
                  <a:cubicBezTo>
                    <a:pt x="12161" y="14030"/>
                    <a:pt x="12921" y="14157"/>
                    <a:pt x="13681" y="14283"/>
                  </a:cubicBezTo>
                  <a:cubicBezTo>
                    <a:pt x="10958" y="12035"/>
                    <a:pt x="9247" y="8646"/>
                    <a:pt x="9121" y="5099"/>
                  </a:cubicBezTo>
                  <a:cubicBezTo>
                    <a:pt x="9121" y="4593"/>
                    <a:pt x="9501" y="2661"/>
                    <a:pt x="9121" y="2408"/>
                  </a:cubicBezTo>
                  <a:cubicBezTo>
                    <a:pt x="9046" y="2361"/>
                    <a:pt x="8903" y="2345"/>
                    <a:pt x="8730" y="2345"/>
                  </a:cubicBezTo>
                  <a:cubicBezTo>
                    <a:pt x="8313" y="2345"/>
                    <a:pt x="7720" y="2439"/>
                    <a:pt x="7474" y="2439"/>
                  </a:cubicBezTo>
                  <a:cubicBezTo>
                    <a:pt x="6967" y="2408"/>
                    <a:pt x="6492" y="2376"/>
                    <a:pt x="5986" y="2281"/>
                  </a:cubicBezTo>
                  <a:cubicBezTo>
                    <a:pt x="3864" y="1996"/>
                    <a:pt x="1805" y="1204"/>
                    <a:pt x="0" y="1"/>
                  </a:cubicBezTo>
                  <a:close/>
                </a:path>
              </a:pathLst>
            </a:custGeom>
            <a:solidFill>
              <a:srgbClr val="A3DDF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  <p:sp>
          <p:nvSpPr>
            <p:cNvPr id="33" name="Google Shape;866;p38">
              <a:extLst>
                <a:ext uri="{FF2B5EF4-FFF2-40B4-BE49-F238E27FC236}">
                  <a16:creationId xmlns:a16="http://schemas.microsoft.com/office/drawing/2014/main" id="{D68ED4AB-A324-4A32-A483-3F33BE7A146D}"/>
                </a:ext>
              </a:extLst>
            </p:cNvPr>
            <p:cNvSpPr/>
            <p:nvPr/>
          </p:nvSpPr>
          <p:spPr>
            <a:xfrm>
              <a:off x="983247" y="1133300"/>
              <a:ext cx="2472109" cy="1383457"/>
            </a:xfrm>
            <a:custGeom>
              <a:avLst/>
              <a:gdLst/>
              <a:ahLst/>
              <a:cxnLst/>
              <a:rect l="l" t="t" r="r" b="b"/>
              <a:pathLst>
                <a:path w="82246" h="46027" extrusionOk="0">
                  <a:moveTo>
                    <a:pt x="951" y="31207"/>
                  </a:moveTo>
                  <a:lnTo>
                    <a:pt x="951" y="31207"/>
                  </a:lnTo>
                  <a:cubicBezTo>
                    <a:pt x="2724" y="32410"/>
                    <a:pt x="4783" y="33202"/>
                    <a:pt x="6936" y="33487"/>
                  </a:cubicBezTo>
                  <a:cubicBezTo>
                    <a:pt x="7411" y="33582"/>
                    <a:pt x="7918" y="33614"/>
                    <a:pt x="8393" y="33645"/>
                  </a:cubicBezTo>
                  <a:cubicBezTo>
                    <a:pt x="8417" y="33647"/>
                    <a:pt x="8444" y="33648"/>
                    <a:pt x="8474" y="33648"/>
                  </a:cubicBezTo>
                  <a:cubicBezTo>
                    <a:pt x="8763" y="33648"/>
                    <a:pt x="9315" y="33556"/>
                    <a:pt x="9694" y="33556"/>
                  </a:cubicBezTo>
                  <a:cubicBezTo>
                    <a:pt x="9847" y="33556"/>
                    <a:pt x="9972" y="33571"/>
                    <a:pt x="10040" y="33614"/>
                  </a:cubicBezTo>
                  <a:cubicBezTo>
                    <a:pt x="10420" y="33867"/>
                    <a:pt x="10040" y="35799"/>
                    <a:pt x="10071" y="36305"/>
                  </a:cubicBezTo>
                  <a:cubicBezTo>
                    <a:pt x="10166" y="39852"/>
                    <a:pt x="11877" y="43241"/>
                    <a:pt x="14600" y="45489"/>
                  </a:cubicBezTo>
                  <a:cubicBezTo>
                    <a:pt x="13840" y="45363"/>
                    <a:pt x="13080" y="45236"/>
                    <a:pt x="12320" y="45046"/>
                  </a:cubicBezTo>
                  <a:cubicBezTo>
                    <a:pt x="7221" y="43779"/>
                    <a:pt x="3484" y="40454"/>
                    <a:pt x="1901" y="35419"/>
                  </a:cubicBezTo>
                  <a:cubicBezTo>
                    <a:pt x="1489" y="34057"/>
                    <a:pt x="1172" y="32632"/>
                    <a:pt x="951" y="31207"/>
                  </a:cubicBezTo>
                  <a:close/>
                  <a:moveTo>
                    <a:pt x="76387" y="377"/>
                  </a:moveTo>
                  <a:cubicBezTo>
                    <a:pt x="78004" y="377"/>
                    <a:pt x="79619" y="417"/>
                    <a:pt x="81232" y="520"/>
                  </a:cubicBezTo>
                  <a:lnTo>
                    <a:pt x="81263" y="520"/>
                  </a:lnTo>
                  <a:cubicBezTo>
                    <a:pt x="80757" y="3908"/>
                    <a:pt x="80978" y="7423"/>
                    <a:pt x="81168" y="10812"/>
                  </a:cubicBezTo>
                  <a:cubicBezTo>
                    <a:pt x="81422" y="14612"/>
                    <a:pt x="81644" y="18381"/>
                    <a:pt x="81739" y="22181"/>
                  </a:cubicBezTo>
                  <a:cubicBezTo>
                    <a:pt x="81992" y="29718"/>
                    <a:pt x="81865" y="37287"/>
                    <a:pt x="81422" y="44793"/>
                  </a:cubicBezTo>
                  <a:lnTo>
                    <a:pt x="81358" y="44793"/>
                  </a:lnTo>
                  <a:cubicBezTo>
                    <a:pt x="75658" y="44983"/>
                    <a:pt x="69958" y="45204"/>
                    <a:pt x="64257" y="45426"/>
                  </a:cubicBezTo>
                  <a:cubicBezTo>
                    <a:pt x="61327" y="45552"/>
                    <a:pt x="42795" y="45815"/>
                    <a:pt x="29273" y="45815"/>
                  </a:cubicBezTo>
                  <a:cubicBezTo>
                    <a:pt x="22335" y="45815"/>
                    <a:pt x="16716" y="45746"/>
                    <a:pt x="15202" y="45553"/>
                  </a:cubicBezTo>
                  <a:cubicBezTo>
                    <a:pt x="11528" y="42766"/>
                    <a:pt x="9691" y="38015"/>
                    <a:pt x="10610" y="33487"/>
                  </a:cubicBezTo>
                  <a:cubicBezTo>
                    <a:pt x="10610" y="33392"/>
                    <a:pt x="10546" y="33297"/>
                    <a:pt x="10451" y="33297"/>
                  </a:cubicBezTo>
                  <a:cubicBezTo>
                    <a:pt x="9982" y="33340"/>
                    <a:pt x="9517" y="33362"/>
                    <a:pt x="9055" y="33362"/>
                  </a:cubicBezTo>
                  <a:cubicBezTo>
                    <a:pt x="6151" y="33362"/>
                    <a:pt x="3401" y="32515"/>
                    <a:pt x="887" y="30985"/>
                  </a:cubicBezTo>
                  <a:cubicBezTo>
                    <a:pt x="317" y="27185"/>
                    <a:pt x="317" y="23226"/>
                    <a:pt x="286" y="19426"/>
                  </a:cubicBezTo>
                  <a:cubicBezTo>
                    <a:pt x="254" y="13155"/>
                    <a:pt x="349" y="6853"/>
                    <a:pt x="254" y="551"/>
                  </a:cubicBezTo>
                  <a:lnTo>
                    <a:pt x="254" y="551"/>
                  </a:lnTo>
                  <a:cubicBezTo>
                    <a:pt x="5954" y="907"/>
                    <a:pt x="31660" y="1032"/>
                    <a:pt x="47363" y="1032"/>
                  </a:cubicBezTo>
                  <a:cubicBezTo>
                    <a:pt x="52597" y="1032"/>
                    <a:pt x="56720" y="1018"/>
                    <a:pt x="58620" y="995"/>
                  </a:cubicBezTo>
                  <a:cubicBezTo>
                    <a:pt x="64538" y="920"/>
                    <a:pt x="70476" y="377"/>
                    <a:pt x="76387" y="377"/>
                  </a:cubicBezTo>
                  <a:close/>
                  <a:moveTo>
                    <a:pt x="76536" y="0"/>
                  </a:moveTo>
                  <a:cubicBezTo>
                    <a:pt x="70565" y="0"/>
                    <a:pt x="64583" y="571"/>
                    <a:pt x="58620" y="646"/>
                  </a:cubicBezTo>
                  <a:cubicBezTo>
                    <a:pt x="57662" y="662"/>
                    <a:pt x="56144" y="669"/>
                    <a:pt x="54208" y="669"/>
                  </a:cubicBezTo>
                  <a:cubicBezTo>
                    <a:pt x="41258" y="669"/>
                    <a:pt x="9578" y="360"/>
                    <a:pt x="1201" y="360"/>
                  </a:cubicBezTo>
                  <a:cubicBezTo>
                    <a:pt x="855" y="360"/>
                    <a:pt x="549" y="360"/>
                    <a:pt x="286" y="361"/>
                  </a:cubicBezTo>
                  <a:cubicBezTo>
                    <a:pt x="191" y="361"/>
                    <a:pt x="159" y="456"/>
                    <a:pt x="191" y="488"/>
                  </a:cubicBezTo>
                  <a:cubicBezTo>
                    <a:pt x="127" y="488"/>
                    <a:pt x="96" y="520"/>
                    <a:pt x="96" y="583"/>
                  </a:cubicBezTo>
                  <a:cubicBezTo>
                    <a:pt x="1" y="6537"/>
                    <a:pt x="1" y="12490"/>
                    <a:pt x="32" y="18476"/>
                  </a:cubicBezTo>
                  <a:cubicBezTo>
                    <a:pt x="32" y="22561"/>
                    <a:pt x="1" y="26805"/>
                    <a:pt x="602" y="30890"/>
                  </a:cubicBezTo>
                  <a:cubicBezTo>
                    <a:pt x="571" y="30922"/>
                    <a:pt x="571" y="30985"/>
                    <a:pt x="602" y="31017"/>
                  </a:cubicBezTo>
                  <a:cubicBezTo>
                    <a:pt x="824" y="32283"/>
                    <a:pt x="1077" y="33519"/>
                    <a:pt x="1394" y="34754"/>
                  </a:cubicBezTo>
                  <a:cubicBezTo>
                    <a:pt x="2598" y="39092"/>
                    <a:pt x="5226" y="42576"/>
                    <a:pt x="9438" y="44381"/>
                  </a:cubicBezTo>
                  <a:cubicBezTo>
                    <a:pt x="11243" y="45141"/>
                    <a:pt x="13112" y="45584"/>
                    <a:pt x="15043" y="45806"/>
                  </a:cubicBezTo>
                  <a:cubicBezTo>
                    <a:pt x="15075" y="45838"/>
                    <a:pt x="15107" y="45869"/>
                    <a:pt x="15170" y="45901"/>
                  </a:cubicBezTo>
                  <a:cubicBezTo>
                    <a:pt x="15204" y="45923"/>
                    <a:pt x="15233" y="45934"/>
                    <a:pt x="15259" y="45934"/>
                  </a:cubicBezTo>
                  <a:cubicBezTo>
                    <a:pt x="15306" y="45934"/>
                    <a:pt x="15340" y="45899"/>
                    <a:pt x="15360" y="45838"/>
                  </a:cubicBezTo>
                  <a:cubicBezTo>
                    <a:pt x="16712" y="45979"/>
                    <a:pt x="23938" y="46027"/>
                    <a:pt x="32259" y="46027"/>
                  </a:cubicBezTo>
                  <a:cubicBezTo>
                    <a:pt x="44404" y="46027"/>
                    <a:pt x="58882" y="45926"/>
                    <a:pt x="60837" y="45869"/>
                  </a:cubicBezTo>
                  <a:cubicBezTo>
                    <a:pt x="67677" y="45616"/>
                    <a:pt x="74518" y="45394"/>
                    <a:pt x="81358" y="45109"/>
                  </a:cubicBezTo>
                  <a:cubicBezTo>
                    <a:pt x="81453" y="45109"/>
                    <a:pt x="81517" y="45014"/>
                    <a:pt x="81517" y="44951"/>
                  </a:cubicBezTo>
                  <a:cubicBezTo>
                    <a:pt x="81532" y="44958"/>
                    <a:pt x="81550" y="44962"/>
                    <a:pt x="81570" y="44962"/>
                  </a:cubicBezTo>
                  <a:cubicBezTo>
                    <a:pt x="81633" y="44962"/>
                    <a:pt x="81707" y="44921"/>
                    <a:pt x="81707" y="44824"/>
                  </a:cubicBezTo>
                  <a:cubicBezTo>
                    <a:pt x="82150" y="37382"/>
                    <a:pt x="82245" y="29908"/>
                    <a:pt x="82024" y="22434"/>
                  </a:cubicBezTo>
                  <a:cubicBezTo>
                    <a:pt x="81802" y="15087"/>
                    <a:pt x="80852" y="7772"/>
                    <a:pt x="81422" y="456"/>
                  </a:cubicBezTo>
                  <a:cubicBezTo>
                    <a:pt x="81422" y="456"/>
                    <a:pt x="81422" y="425"/>
                    <a:pt x="81390" y="425"/>
                  </a:cubicBezTo>
                  <a:cubicBezTo>
                    <a:pt x="81453" y="330"/>
                    <a:pt x="81390" y="171"/>
                    <a:pt x="81263" y="139"/>
                  </a:cubicBezTo>
                  <a:cubicBezTo>
                    <a:pt x="79689" y="40"/>
                    <a:pt x="78112" y="0"/>
                    <a:pt x="76536" y="0"/>
                  </a:cubicBez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endParaRPr>
                <a:solidFill>
                  <a:prstClr val="black"/>
                </a:solidFill>
                <a:latin typeface="Arial"/>
                <a:ea typeface="맑은 고딕"/>
              </a:endParaRPr>
            </a:p>
          </p:txBody>
        </p:sp>
      </p:grpSp>
      <p:sp>
        <p:nvSpPr>
          <p:cNvPr id="34" name="Google Shape;1190;p39">
            <a:extLst>
              <a:ext uri="{FF2B5EF4-FFF2-40B4-BE49-F238E27FC236}">
                <a16:creationId xmlns:a16="http://schemas.microsoft.com/office/drawing/2014/main" id="{4E5E8B3E-50FF-88BF-11D0-7EAA57BD373D}"/>
              </a:ext>
            </a:extLst>
          </p:cNvPr>
          <p:cNvSpPr/>
          <p:nvPr/>
        </p:nvSpPr>
        <p:spPr>
          <a:xfrm>
            <a:off x="14677442" y="4406341"/>
            <a:ext cx="2938635" cy="888615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40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35" name="Google Shape;1194;p39">
            <a:extLst>
              <a:ext uri="{FF2B5EF4-FFF2-40B4-BE49-F238E27FC236}">
                <a16:creationId xmlns:a16="http://schemas.microsoft.com/office/drawing/2014/main" id="{FC093E55-8BAD-4E40-B6BE-B592824831AE}"/>
              </a:ext>
            </a:extLst>
          </p:cNvPr>
          <p:cNvSpPr/>
          <p:nvPr/>
        </p:nvSpPr>
        <p:spPr>
          <a:xfrm>
            <a:off x="14730463" y="4424464"/>
            <a:ext cx="2841311" cy="842703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89DDFE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  <a:tabLst/>
              <a:defRPr/>
            </a:pPr>
            <a:r>
              <a:rPr kumimoji="0" lang="tr-TR" sz="400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Permanent Marker"/>
                <a:cs typeface="Permanent Marker"/>
                <a:sym typeface="Permanent Marker"/>
              </a:rPr>
              <a:t>Sorumluluk</a:t>
            </a:r>
            <a:endParaRPr kumimoji="0" sz="40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36" name="Google Shape;1190;p39">
            <a:extLst>
              <a:ext uri="{FF2B5EF4-FFF2-40B4-BE49-F238E27FC236}">
                <a16:creationId xmlns:a16="http://schemas.microsoft.com/office/drawing/2014/main" id="{49190B99-6D03-3451-374D-1CED0F7C4227}"/>
              </a:ext>
            </a:extLst>
          </p:cNvPr>
          <p:cNvSpPr/>
          <p:nvPr/>
        </p:nvSpPr>
        <p:spPr>
          <a:xfrm rot="1029142">
            <a:off x="9102129" y="7431500"/>
            <a:ext cx="3071317" cy="732757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37" name="Google Shape;1194;p39">
            <a:extLst>
              <a:ext uri="{FF2B5EF4-FFF2-40B4-BE49-F238E27FC236}">
                <a16:creationId xmlns:a16="http://schemas.microsoft.com/office/drawing/2014/main" id="{BCD9DD4A-AD73-3281-6A66-9B8379900B69}"/>
              </a:ext>
            </a:extLst>
          </p:cNvPr>
          <p:cNvSpPr/>
          <p:nvPr/>
        </p:nvSpPr>
        <p:spPr>
          <a:xfrm rot="1029142">
            <a:off x="9099155" y="7468710"/>
            <a:ext cx="3025724" cy="672583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chemeClr val="accent4">
              <a:lumMod val="40000"/>
              <a:lumOff val="60000"/>
            </a:scheme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  <a:tabLst/>
              <a:defRPr/>
            </a:pPr>
            <a:r>
              <a:rPr kumimoji="0" lang="tr-TR" sz="440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Permanent Marker"/>
                <a:cs typeface="Permanent Marker"/>
                <a:sym typeface="Permanent Marker"/>
              </a:rPr>
              <a:t>Sabır</a:t>
            </a:r>
            <a:endParaRPr kumimoji="0" sz="44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38" name="Google Shape;1190;p39">
            <a:extLst>
              <a:ext uri="{FF2B5EF4-FFF2-40B4-BE49-F238E27FC236}">
                <a16:creationId xmlns:a16="http://schemas.microsoft.com/office/drawing/2014/main" id="{951FE252-D5A0-ABD3-E59D-C8BAC3013F34}"/>
              </a:ext>
            </a:extLst>
          </p:cNvPr>
          <p:cNvSpPr/>
          <p:nvPr/>
        </p:nvSpPr>
        <p:spPr>
          <a:xfrm rot="695970">
            <a:off x="12616777" y="6630292"/>
            <a:ext cx="2766487" cy="838817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39" name="Google Shape;1194;p39">
            <a:extLst>
              <a:ext uri="{FF2B5EF4-FFF2-40B4-BE49-F238E27FC236}">
                <a16:creationId xmlns:a16="http://schemas.microsoft.com/office/drawing/2014/main" id="{7A13010E-654C-E4A2-47C3-E92415EE41E5}"/>
              </a:ext>
            </a:extLst>
          </p:cNvPr>
          <p:cNvSpPr/>
          <p:nvPr/>
        </p:nvSpPr>
        <p:spPr>
          <a:xfrm rot="695970">
            <a:off x="12692784" y="6686994"/>
            <a:ext cx="2684468" cy="737786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chemeClr val="accent4">
              <a:lumMod val="40000"/>
              <a:lumOff val="60000"/>
            </a:scheme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  <a:tabLst/>
              <a:defRPr/>
            </a:pPr>
            <a:r>
              <a:rPr kumimoji="0" lang="tr-TR" sz="400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Permanent Marker"/>
                <a:cs typeface="Permanent Marker"/>
                <a:sym typeface="Permanent Marker"/>
              </a:rPr>
              <a:t>Sevgi</a:t>
            </a:r>
            <a:endParaRPr kumimoji="0" sz="40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40" name="Google Shape;1190;p39">
            <a:extLst>
              <a:ext uri="{FF2B5EF4-FFF2-40B4-BE49-F238E27FC236}">
                <a16:creationId xmlns:a16="http://schemas.microsoft.com/office/drawing/2014/main" id="{6A9E8137-7995-3120-CEFD-EC1196B7F532}"/>
              </a:ext>
            </a:extLst>
          </p:cNvPr>
          <p:cNvSpPr/>
          <p:nvPr/>
        </p:nvSpPr>
        <p:spPr>
          <a:xfrm>
            <a:off x="10709652" y="5242488"/>
            <a:ext cx="3561922" cy="786218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14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41" name="Google Shape;1194;p39">
            <a:extLst>
              <a:ext uri="{FF2B5EF4-FFF2-40B4-BE49-F238E27FC236}">
                <a16:creationId xmlns:a16="http://schemas.microsoft.com/office/drawing/2014/main" id="{9F96F689-B0B5-9890-C96B-0E21AA83FA4C}"/>
              </a:ext>
            </a:extLst>
          </p:cNvPr>
          <p:cNvSpPr/>
          <p:nvPr/>
        </p:nvSpPr>
        <p:spPr>
          <a:xfrm>
            <a:off x="10781638" y="5267168"/>
            <a:ext cx="3444222" cy="742318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5B9BD5">
              <a:lumMod val="60000"/>
              <a:lumOff val="4000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ea typeface="Permanent Marker"/>
                <a:cs typeface="Permanent Marker"/>
                <a:sym typeface="Permanent Marker"/>
              </a:rPr>
              <a:t>Doğruluk</a:t>
            </a:r>
            <a:endParaRPr kumimoji="0" sz="3600" b="0" i="0" u="none" strike="noStrike" kern="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42" name="Google Shape;1190;p39">
            <a:extLst>
              <a:ext uri="{FF2B5EF4-FFF2-40B4-BE49-F238E27FC236}">
                <a16:creationId xmlns:a16="http://schemas.microsoft.com/office/drawing/2014/main" id="{648EDBB8-0BE4-C59D-C436-4AE5CFE81ACF}"/>
              </a:ext>
            </a:extLst>
          </p:cNvPr>
          <p:cNvSpPr/>
          <p:nvPr/>
        </p:nvSpPr>
        <p:spPr>
          <a:xfrm rot="20082697">
            <a:off x="13600796" y="7651508"/>
            <a:ext cx="3653229" cy="749133"/>
          </a:xfrm>
          <a:custGeom>
            <a:avLst/>
            <a:gdLst/>
            <a:ahLst/>
            <a:cxnLst/>
            <a:rect l="l" t="t" r="r" b="b"/>
            <a:pathLst>
              <a:path w="57134" h="28401" extrusionOk="0">
                <a:moveTo>
                  <a:pt x="27319" y="973"/>
                </a:moveTo>
                <a:cubicBezTo>
                  <a:pt x="28610" y="973"/>
                  <a:pt x="29913" y="1031"/>
                  <a:pt x="31208" y="1031"/>
                </a:cubicBezTo>
                <a:cubicBezTo>
                  <a:pt x="31324" y="1031"/>
                  <a:pt x="31440" y="1031"/>
                  <a:pt x="31557" y="1030"/>
                </a:cubicBezTo>
                <a:cubicBezTo>
                  <a:pt x="31757" y="1028"/>
                  <a:pt x="31957" y="1027"/>
                  <a:pt x="32157" y="1027"/>
                </a:cubicBezTo>
                <a:cubicBezTo>
                  <a:pt x="34616" y="1027"/>
                  <a:pt x="37075" y="1150"/>
                  <a:pt x="39533" y="1150"/>
                </a:cubicBezTo>
                <a:cubicBezTo>
                  <a:pt x="39766" y="1150"/>
                  <a:pt x="39999" y="1149"/>
                  <a:pt x="40231" y="1147"/>
                </a:cubicBezTo>
                <a:cubicBezTo>
                  <a:pt x="40386" y="1145"/>
                  <a:pt x="40541" y="1144"/>
                  <a:pt x="40696" y="1144"/>
                </a:cubicBezTo>
                <a:cubicBezTo>
                  <a:pt x="43825" y="1144"/>
                  <a:pt x="46933" y="1481"/>
                  <a:pt x="50029" y="1789"/>
                </a:cubicBezTo>
                <a:cubicBezTo>
                  <a:pt x="53496" y="2133"/>
                  <a:pt x="55184" y="4583"/>
                  <a:pt x="54992" y="8125"/>
                </a:cubicBezTo>
                <a:cubicBezTo>
                  <a:pt x="54937" y="9172"/>
                  <a:pt x="55318" y="10235"/>
                  <a:pt x="55348" y="11295"/>
                </a:cubicBezTo>
                <a:cubicBezTo>
                  <a:pt x="55408" y="13477"/>
                  <a:pt x="55121" y="15697"/>
                  <a:pt x="55429" y="17836"/>
                </a:cubicBezTo>
                <a:cubicBezTo>
                  <a:pt x="55783" y="20277"/>
                  <a:pt x="55482" y="22568"/>
                  <a:pt x="54658" y="24786"/>
                </a:cubicBezTo>
                <a:cubicBezTo>
                  <a:pt x="54231" y="25939"/>
                  <a:pt x="53006" y="26305"/>
                  <a:pt x="51795" y="26579"/>
                </a:cubicBezTo>
                <a:cubicBezTo>
                  <a:pt x="50975" y="26764"/>
                  <a:pt x="50155" y="26811"/>
                  <a:pt x="49336" y="26811"/>
                </a:cubicBezTo>
                <a:cubicBezTo>
                  <a:pt x="48504" y="26811"/>
                  <a:pt x="47673" y="26763"/>
                  <a:pt x="46842" y="26763"/>
                </a:cubicBezTo>
                <a:cubicBezTo>
                  <a:pt x="46656" y="26763"/>
                  <a:pt x="46469" y="26765"/>
                  <a:pt x="46283" y="26771"/>
                </a:cubicBezTo>
                <a:cubicBezTo>
                  <a:pt x="46024" y="26779"/>
                  <a:pt x="45765" y="26783"/>
                  <a:pt x="45506" y="26783"/>
                </a:cubicBezTo>
                <a:cubicBezTo>
                  <a:pt x="44350" y="26783"/>
                  <a:pt x="43192" y="26717"/>
                  <a:pt x="42036" y="26717"/>
                </a:cubicBezTo>
                <a:cubicBezTo>
                  <a:pt x="41725" y="26717"/>
                  <a:pt x="41413" y="26722"/>
                  <a:pt x="41101" y="26734"/>
                </a:cubicBezTo>
                <a:cubicBezTo>
                  <a:pt x="40957" y="26739"/>
                  <a:pt x="40813" y="26742"/>
                  <a:pt x="40669" y="26742"/>
                </a:cubicBezTo>
                <a:cubicBezTo>
                  <a:pt x="39464" y="26742"/>
                  <a:pt x="38267" y="26568"/>
                  <a:pt x="37059" y="26568"/>
                </a:cubicBezTo>
                <a:cubicBezTo>
                  <a:pt x="36582" y="26568"/>
                  <a:pt x="36104" y="26595"/>
                  <a:pt x="35622" y="26671"/>
                </a:cubicBezTo>
                <a:cubicBezTo>
                  <a:pt x="35249" y="26729"/>
                  <a:pt x="34876" y="26752"/>
                  <a:pt x="34503" y="26752"/>
                </a:cubicBezTo>
                <a:cubicBezTo>
                  <a:pt x="33263" y="26752"/>
                  <a:pt x="32018" y="26504"/>
                  <a:pt x="30766" y="26504"/>
                </a:cubicBezTo>
                <a:cubicBezTo>
                  <a:pt x="30477" y="26504"/>
                  <a:pt x="30187" y="26517"/>
                  <a:pt x="29897" y="26550"/>
                </a:cubicBezTo>
                <a:cubicBezTo>
                  <a:pt x="29006" y="26650"/>
                  <a:pt x="28109" y="26675"/>
                  <a:pt x="27210" y="26675"/>
                </a:cubicBezTo>
                <a:cubicBezTo>
                  <a:pt x="26349" y="26675"/>
                  <a:pt x="25486" y="26652"/>
                  <a:pt x="24626" y="26652"/>
                </a:cubicBezTo>
                <a:cubicBezTo>
                  <a:pt x="24360" y="26652"/>
                  <a:pt x="24093" y="26655"/>
                  <a:pt x="23827" y="26660"/>
                </a:cubicBezTo>
                <a:cubicBezTo>
                  <a:pt x="22930" y="26681"/>
                  <a:pt x="22009" y="26757"/>
                  <a:pt x="21089" y="26757"/>
                </a:cubicBezTo>
                <a:cubicBezTo>
                  <a:pt x="20585" y="26757"/>
                  <a:pt x="20081" y="26734"/>
                  <a:pt x="19581" y="26666"/>
                </a:cubicBezTo>
                <a:cubicBezTo>
                  <a:pt x="19369" y="26638"/>
                  <a:pt x="19158" y="26625"/>
                  <a:pt x="18949" y="26625"/>
                </a:cubicBezTo>
                <a:cubicBezTo>
                  <a:pt x="17518" y="26625"/>
                  <a:pt x="16157" y="27213"/>
                  <a:pt x="14724" y="27213"/>
                </a:cubicBezTo>
                <a:cubicBezTo>
                  <a:pt x="14679" y="27213"/>
                  <a:pt x="14634" y="27213"/>
                  <a:pt x="14589" y="27211"/>
                </a:cubicBezTo>
                <a:cubicBezTo>
                  <a:pt x="12043" y="27144"/>
                  <a:pt x="9496" y="27162"/>
                  <a:pt x="6952" y="27060"/>
                </a:cubicBezTo>
                <a:cubicBezTo>
                  <a:pt x="5805" y="27015"/>
                  <a:pt x="4665" y="26894"/>
                  <a:pt x="3508" y="26662"/>
                </a:cubicBezTo>
                <a:cubicBezTo>
                  <a:pt x="1365" y="26234"/>
                  <a:pt x="1089" y="24730"/>
                  <a:pt x="1211" y="23182"/>
                </a:cubicBezTo>
                <a:cubicBezTo>
                  <a:pt x="1568" y="18601"/>
                  <a:pt x="1242" y="14017"/>
                  <a:pt x="1450" y="9438"/>
                </a:cubicBezTo>
                <a:cubicBezTo>
                  <a:pt x="1501" y="8301"/>
                  <a:pt x="1299" y="7150"/>
                  <a:pt x="1374" y="6016"/>
                </a:cubicBezTo>
                <a:cubicBezTo>
                  <a:pt x="1578" y="2925"/>
                  <a:pt x="3881" y="2045"/>
                  <a:pt x="6869" y="2045"/>
                </a:cubicBezTo>
                <a:cubicBezTo>
                  <a:pt x="6905" y="2045"/>
                  <a:pt x="6940" y="2045"/>
                  <a:pt x="6976" y="2045"/>
                </a:cubicBezTo>
                <a:cubicBezTo>
                  <a:pt x="8692" y="1850"/>
                  <a:pt x="10739" y="1582"/>
                  <a:pt x="12793" y="1400"/>
                </a:cubicBezTo>
                <a:cubicBezTo>
                  <a:pt x="13270" y="1358"/>
                  <a:pt x="13750" y="1350"/>
                  <a:pt x="14230" y="1350"/>
                </a:cubicBezTo>
                <a:cubicBezTo>
                  <a:pt x="14503" y="1350"/>
                  <a:pt x="14775" y="1353"/>
                  <a:pt x="15048" y="1353"/>
                </a:cubicBezTo>
                <a:cubicBezTo>
                  <a:pt x="15414" y="1353"/>
                  <a:pt x="15780" y="1348"/>
                  <a:pt x="16145" y="1328"/>
                </a:cubicBezTo>
                <a:cubicBezTo>
                  <a:pt x="19086" y="1162"/>
                  <a:pt x="22027" y="1329"/>
                  <a:pt x="24980" y="1064"/>
                </a:cubicBezTo>
                <a:cubicBezTo>
                  <a:pt x="25752" y="995"/>
                  <a:pt x="26533" y="973"/>
                  <a:pt x="27319" y="973"/>
                </a:cubicBezTo>
                <a:close/>
                <a:moveTo>
                  <a:pt x="36679" y="1"/>
                </a:moveTo>
                <a:cubicBezTo>
                  <a:pt x="35919" y="1"/>
                  <a:pt x="35159" y="20"/>
                  <a:pt x="34397" y="68"/>
                </a:cubicBezTo>
                <a:cubicBezTo>
                  <a:pt x="32353" y="200"/>
                  <a:pt x="30290" y="270"/>
                  <a:pt x="28255" y="270"/>
                </a:cubicBezTo>
                <a:cubicBezTo>
                  <a:pt x="28114" y="270"/>
                  <a:pt x="27972" y="270"/>
                  <a:pt x="27831" y="269"/>
                </a:cubicBezTo>
                <a:cubicBezTo>
                  <a:pt x="24957" y="255"/>
                  <a:pt x="22082" y="119"/>
                  <a:pt x="19205" y="119"/>
                </a:cubicBezTo>
                <a:cubicBezTo>
                  <a:pt x="18170" y="119"/>
                  <a:pt x="17134" y="137"/>
                  <a:pt x="16098" y="184"/>
                </a:cubicBezTo>
                <a:cubicBezTo>
                  <a:pt x="14053" y="277"/>
                  <a:pt x="12007" y="405"/>
                  <a:pt x="9960" y="453"/>
                </a:cubicBezTo>
                <a:cubicBezTo>
                  <a:pt x="8181" y="495"/>
                  <a:pt x="6410" y="446"/>
                  <a:pt x="4695" y="1082"/>
                </a:cubicBezTo>
                <a:cubicBezTo>
                  <a:pt x="3884" y="1385"/>
                  <a:pt x="2744" y="1268"/>
                  <a:pt x="2220" y="1800"/>
                </a:cubicBezTo>
                <a:cubicBezTo>
                  <a:pt x="764" y="3278"/>
                  <a:pt x="105" y="5172"/>
                  <a:pt x="155" y="7310"/>
                </a:cubicBezTo>
                <a:cubicBezTo>
                  <a:pt x="224" y="10326"/>
                  <a:pt x="105" y="13342"/>
                  <a:pt x="245" y="16362"/>
                </a:cubicBezTo>
                <a:cubicBezTo>
                  <a:pt x="350" y="18632"/>
                  <a:pt x="68" y="20916"/>
                  <a:pt x="29" y="23197"/>
                </a:cubicBezTo>
                <a:cubicBezTo>
                  <a:pt x="1" y="24866"/>
                  <a:pt x="365" y="26410"/>
                  <a:pt x="1793" y="27526"/>
                </a:cubicBezTo>
                <a:cubicBezTo>
                  <a:pt x="2448" y="28038"/>
                  <a:pt x="3162" y="28116"/>
                  <a:pt x="3887" y="28116"/>
                </a:cubicBezTo>
                <a:cubicBezTo>
                  <a:pt x="4204" y="28116"/>
                  <a:pt x="4524" y="28101"/>
                  <a:pt x="4841" y="28101"/>
                </a:cubicBezTo>
                <a:cubicBezTo>
                  <a:pt x="5052" y="28101"/>
                  <a:pt x="5262" y="28107"/>
                  <a:pt x="5469" y="28129"/>
                </a:cubicBezTo>
                <a:cubicBezTo>
                  <a:pt x="7006" y="28291"/>
                  <a:pt x="8547" y="28401"/>
                  <a:pt x="10089" y="28401"/>
                </a:cubicBezTo>
                <a:cubicBezTo>
                  <a:pt x="10624" y="28401"/>
                  <a:pt x="11159" y="28387"/>
                  <a:pt x="11694" y="28358"/>
                </a:cubicBezTo>
                <a:cubicBezTo>
                  <a:pt x="13967" y="28234"/>
                  <a:pt x="16236" y="27965"/>
                  <a:pt x="18509" y="27890"/>
                </a:cubicBezTo>
                <a:cubicBezTo>
                  <a:pt x="18955" y="27875"/>
                  <a:pt x="19401" y="27869"/>
                  <a:pt x="19847" y="27869"/>
                </a:cubicBezTo>
                <a:cubicBezTo>
                  <a:pt x="21481" y="27869"/>
                  <a:pt x="23118" y="27947"/>
                  <a:pt x="24752" y="27950"/>
                </a:cubicBezTo>
                <a:cubicBezTo>
                  <a:pt x="24782" y="27950"/>
                  <a:pt x="24813" y="27950"/>
                  <a:pt x="24843" y="27950"/>
                </a:cubicBezTo>
                <a:cubicBezTo>
                  <a:pt x="26585" y="27950"/>
                  <a:pt x="28333" y="27865"/>
                  <a:pt x="30074" y="27865"/>
                </a:cubicBezTo>
                <a:cubicBezTo>
                  <a:pt x="30931" y="27865"/>
                  <a:pt x="31786" y="27886"/>
                  <a:pt x="32638" y="27947"/>
                </a:cubicBezTo>
                <a:cubicBezTo>
                  <a:pt x="35838" y="28176"/>
                  <a:pt x="39041" y="28014"/>
                  <a:pt x="42244" y="28273"/>
                </a:cubicBezTo>
                <a:cubicBezTo>
                  <a:pt x="43449" y="28370"/>
                  <a:pt x="44659" y="28400"/>
                  <a:pt x="45899" y="28400"/>
                </a:cubicBezTo>
                <a:cubicBezTo>
                  <a:pt x="47844" y="28400"/>
                  <a:pt x="49861" y="28327"/>
                  <a:pt x="52042" y="28327"/>
                </a:cubicBezTo>
                <a:cubicBezTo>
                  <a:pt x="52074" y="28341"/>
                  <a:pt x="52106" y="28347"/>
                  <a:pt x="52139" y="28347"/>
                </a:cubicBezTo>
                <a:cubicBezTo>
                  <a:pt x="52489" y="28347"/>
                  <a:pt x="52865" y="27613"/>
                  <a:pt x="53469" y="27450"/>
                </a:cubicBezTo>
                <a:cubicBezTo>
                  <a:pt x="55085" y="27011"/>
                  <a:pt x="56455" y="25256"/>
                  <a:pt x="56555" y="23811"/>
                </a:cubicBezTo>
                <a:cubicBezTo>
                  <a:pt x="56721" y="21410"/>
                  <a:pt x="56835" y="19013"/>
                  <a:pt x="56796" y="16603"/>
                </a:cubicBezTo>
                <a:cubicBezTo>
                  <a:pt x="56769" y="14865"/>
                  <a:pt x="57133" y="13086"/>
                  <a:pt x="56862" y="11400"/>
                </a:cubicBezTo>
                <a:cubicBezTo>
                  <a:pt x="56605" y="9793"/>
                  <a:pt x="56503" y="8167"/>
                  <a:pt x="56319" y="6566"/>
                </a:cubicBezTo>
                <a:cubicBezTo>
                  <a:pt x="55994" y="3739"/>
                  <a:pt x="53652" y="918"/>
                  <a:pt x="50844" y="611"/>
                </a:cubicBezTo>
                <a:cubicBezTo>
                  <a:pt x="48614" y="368"/>
                  <a:pt x="46377" y="301"/>
                  <a:pt x="44131" y="256"/>
                </a:cubicBezTo>
                <a:cubicBezTo>
                  <a:pt x="41646" y="206"/>
                  <a:pt x="39166" y="1"/>
                  <a:pt x="36679" y="1"/>
                </a:cubicBezTo>
                <a:close/>
              </a:path>
            </a:pathLst>
          </a:custGeom>
          <a:solidFill>
            <a:srgbClr val="000000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>
              <a:buClr>
                <a:srgbClr val="000000"/>
              </a:buClr>
              <a:buFont typeface="Arial"/>
              <a:buNone/>
            </a:pPr>
            <a:endParaRPr sz="4000" kern="0">
              <a:solidFill>
                <a:srgbClr val="000000"/>
              </a:solidFill>
              <a:latin typeface="Arial"/>
              <a:ea typeface="맑은 고딕"/>
              <a:cs typeface="Arial"/>
              <a:sym typeface="Arial"/>
            </a:endParaRPr>
          </a:p>
        </p:txBody>
      </p:sp>
      <p:sp>
        <p:nvSpPr>
          <p:cNvPr id="43" name="Google Shape;1194;p39">
            <a:extLst>
              <a:ext uri="{FF2B5EF4-FFF2-40B4-BE49-F238E27FC236}">
                <a16:creationId xmlns:a16="http://schemas.microsoft.com/office/drawing/2014/main" id="{5DDEE0D8-4590-F921-F77D-CAD367C72DFB}"/>
              </a:ext>
            </a:extLst>
          </p:cNvPr>
          <p:cNvSpPr/>
          <p:nvPr/>
        </p:nvSpPr>
        <p:spPr>
          <a:xfrm rot="20082697">
            <a:off x="13704568" y="7681521"/>
            <a:ext cx="3497147" cy="679284"/>
          </a:xfrm>
          <a:custGeom>
            <a:avLst/>
            <a:gdLst/>
            <a:ahLst/>
            <a:cxnLst/>
            <a:rect l="l" t="t" r="r" b="b"/>
            <a:pathLst>
              <a:path w="54694" h="26242" extrusionOk="0">
                <a:moveTo>
                  <a:pt x="26230" y="1"/>
                </a:moveTo>
                <a:cubicBezTo>
                  <a:pt x="25444" y="1"/>
                  <a:pt x="24663" y="23"/>
                  <a:pt x="23891" y="92"/>
                </a:cubicBezTo>
                <a:cubicBezTo>
                  <a:pt x="20938" y="357"/>
                  <a:pt x="17997" y="190"/>
                  <a:pt x="15056" y="356"/>
                </a:cubicBezTo>
                <a:cubicBezTo>
                  <a:pt x="14691" y="376"/>
                  <a:pt x="14325" y="381"/>
                  <a:pt x="13959" y="381"/>
                </a:cubicBezTo>
                <a:cubicBezTo>
                  <a:pt x="13686" y="381"/>
                  <a:pt x="13414" y="378"/>
                  <a:pt x="13141" y="378"/>
                </a:cubicBezTo>
                <a:cubicBezTo>
                  <a:pt x="12661" y="378"/>
                  <a:pt x="12181" y="386"/>
                  <a:pt x="11704" y="428"/>
                </a:cubicBezTo>
                <a:cubicBezTo>
                  <a:pt x="9650" y="610"/>
                  <a:pt x="7603" y="878"/>
                  <a:pt x="5887" y="1073"/>
                </a:cubicBezTo>
                <a:cubicBezTo>
                  <a:pt x="5851" y="1073"/>
                  <a:pt x="5816" y="1073"/>
                  <a:pt x="5780" y="1073"/>
                </a:cubicBezTo>
                <a:cubicBezTo>
                  <a:pt x="2792" y="1073"/>
                  <a:pt x="489" y="1953"/>
                  <a:pt x="285" y="5044"/>
                </a:cubicBezTo>
                <a:cubicBezTo>
                  <a:pt x="210" y="6178"/>
                  <a:pt x="412" y="7329"/>
                  <a:pt x="361" y="8466"/>
                </a:cubicBezTo>
                <a:cubicBezTo>
                  <a:pt x="153" y="13045"/>
                  <a:pt x="479" y="17629"/>
                  <a:pt x="122" y="22210"/>
                </a:cubicBezTo>
                <a:cubicBezTo>
                  <a:pt x="0" y="23758"/>
                  <a:pt x="276" y="25262"/>
                  <a:pt x="2419" y="25690"/>
                </a:cubicBezTo>
                <a:cubicBezTo>
                  <a:pt x="3576" y="25922"/>
                  <a:pt x="4716" y="26043"/>
                  <a:pt x="5863" y="26088"/>
                </a:cubicBezTo>
                <a:cubicBezTo>
                  <a:pt x="8407" y="26190"/>
                  <a:pt x="10954" y="26172"/>
                  <a:pt x="13500" y="26239"/>
                </a:cubicBezTo>
                <a:cubicBezTo>
                  <a:pt x="13545" y="26241"/>
                  <a:pt x="13590" y="26241"/>
                  <a:pt x="13635" y="26241"/>
                </a:cubicBezTo>
                <a:cubicBezTo>
                  <a:pt x="15068" y="26241"/>
                  <a:pt x="16429" y="25653"/>
                  <a:pt x="17860" y="25653"/>
                </a:cubicBezTo>
                <a:cubicBezTo>
                  <a:pt x="18069" y="25653"/>
                  <a:pt x="18280" y="25666"/>
                  <a:pt x="18492" y="25694"/>
                </a:cubicBezTo>
                <a:cubicBezTo>
                  <a:pt x="18992" y="25762"/>
                  <a:pt x="19496" y="25785"/>
                  <a:pt x="20000" y="25785"/>
                </a:cubicBezTo>
                <a:cubicBezTo>
                  <a:pt x="20920" y="25785"/>
                  <a:pt x="21841" y="25709"/>
                  <a:pt x="22738" y="25688"/>
                </a:cubicBezTo>
                <a:cubicBezTo>
                  <a:pt x="23004" y="25683"/>
                  <a:pt x="23271" y="25680"/>
                  <a:pt x="23537" y="25680"/>
                </a:cubicBezTo>
                <a:cubicBezTo>
                  <a:pt x="24397" y="25680"/>
                  <a:pt x="25260" y="25703"/>
                  <a:pt x="26121" y="25703"/>
                </a:cubicBezTo>
                <a:cubicBezTo>
                  <a:pt x="27020" y="25703"/>
                  <a:pt x="27917" y="25678"/>
                  <a:pt x="28808" y="25578"/>
                </a:cubicBezTo>
                <a:cubicBezTo>
                  <a:pt x="29098" y="25545"/>
                  <a:pt x="29388" y="25532"/>
                  <a:pt x="29677" y="25532"/>
                </a:cubicBezTo>
                <a:cubicBezTo>
                  <a:pt x="30929" y="25532"/>
                  <a:pt x="32174" y="25780"/>
                  <a:pt x="33414" y="25780"/>
                </a:cubicBezTo>
                <a:cubicBezTo>
                  <a:pt x="33787" y="25780"/>
                  <a:pt x="34160" y="25757"/>
                  <a:pt x="34533" y="25699"/>
                </a:cubicBezTo>
                <a:cubicBezTo>
                  <a:pt x="35015" y="25623"/>
                  <a:pt x="35493" y="25596"/>
                  <a:pt x="35970" y="25596"/>
                </a:cubicBezTo>
                <a:cubicBezTo>
                  <a:pt x="37178" y="25596"/>
                  <a:pt x="38375" y="25770"/>
                  <a:pt x="39580" y="25770"/>
                </a:cubicBezTo>
                <a:cubicBezTo>
                  <a:pt x="39724" y="25770"/>
                  <a:pt x="39868" y="25767"/>
                  <a:pt x="40012" y="25762"/>
                </a:cubicBezTo>
                <a:cubicBezTo>
                  <a:pt x="40324" y="25750"/>
                  <a:pt x="40636" y="25745"/>
                  <a:pt x="40947" y="25745"/>
                </a:cubicBezTo>
                <a:cubicBezTo>
                  <a:pt x="42103" y="25745"/>
                  <a:pt x="43261" y="25811"/>
                  <a:pt x="44417" y="25811"/>
                </a:cubicBezTo>
                <a:cubicBezTo>
                  <a:pt x="44676" y="25811"/>
                  <a:pt x="44935" y="25807"/>
                  <a:pt x="45194" y="25799"/>
                </a:cubicBezTo>
                <a:cubicBezTo>
                  <a:pt x="45380" y="25793"/>
                  <a:pt x="45567" y="25791"/>
                  <a:pt x="45753" y="25791"/>
                </a:cubicBezTo>
                <a:cubicBezTo>
                  <a:pt x="46584" y="25791"/>
                  <a:pt x="47415" y="25839"/>
                  <a:pt x="48247" y="25839"/>
                </a:cubicBezTo>
                <a:cubicBezTo>
                  <a:pt x="49066" y="25839"/>
                  <a:pt x="49886" y="25792"/>
                  <a:pt x="50706" y="25607"/>
                </a:cubicBezTo>
                <a:cubicBezTo>
                  <a:pt x="51917" y="25333"/>
                  <a:pt x="53142" y="24967"/>
                  <a:pt x="53569" y="23814"/>
                </a:cubicBezTo>
                <a:cubicBezTo>
                  <a:pt x="54393" y="21596"/>
                  <a:pt x="54694" y="19305"/>
                  <a:pt x="54340" y="16864"/>
                </a:cubicBezTo>
                <a:cubicBezTo>
                  <a:pt x="54032" y="14725"/>
                  <a:pt x="54319" y="12505"/>
                  <a:pt x="54259" y="10323"/>
                </a:cubicBezTo>
                <a:cubicBezTo>
                  <a:pt x="54229" y="9263"/>
                  <a:pt x="53848" y="8200"/>
                  <a:pt x="53903" y="7153"/>
                </a:cubicBezTo>
                <a:cubicBezTo>
                  <a:pt x="54095" y="3611"/>
                  <a:pt x="52407" y="1161"/>
                  <a:pt x="48940" y="817"/>
                </a:cubicBezTo>
                <a:cubicBezTo>
                  <a:pt x="45844" y="509"/>
                  <a:pt x="42736" y="172"/>
                  <a:pt x="39607" y="172"/>
                </a:cubicBezTo>
                <a:cubicBezTo>
                  <a:pt x="39452" y="172"/>
                  <a:pt x="39297" y="173"/>
                  <a:pt x="39142" y="175"/>
                </a:cubicBezTo>
                <a:cubicBezTo>
                  <a:pt x="38910" y="177"/>
                  <a:pt x="38677" y="178"/>
                  <a:pt x="38444" y="178"/>
                </a:cubicBezTo>
                <a:cubicBezTo>
                  <a:pt x="35986" y="178"/>
                  <a:pt x="33527" y="55"/>
                  <a:pt x="31068" y="55"/>
                </a:cubicBezTo>
                <a:cubicBezTo>
                  <a:pt x="30868" y="55"/>
                  <a:pt x="30668" y="56"/>
                  <a:pt x="30468" y="58"/>
                </a:cubicBezTo>
                <a:cubicBezTo>
                  <a:pt x="30351" y="59"/>
                  <a:pt x="30235" y="59"/>
                  <a:pt x="30119" y="59"/>
                </a:cubicBezTo>
                <a:cubicBezTo>
                  <a:pt x="28824" y="59"/>
                  <a:pt x="27521" y="1"/>
                  <a:pt x="26230" y="1"/>
                </a:cubicBezTo>
                <a:close/>
              </a:path>
            </a:pathLst>
          </a:custGeom>
          <a:solidFill>
            <a:srgbClr val="70AD47">
              <a:lumMod val="40000"/>
              <a:lumOff val="6000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lvl="0" algn="ctr">
              <a:buClr>
                <a:srgbClr val="000000"/>
              </a:buClr>
              <a:buSzPts val="1100"/>
            </a:pPr>
            <a:r>
              <a:rPr lang="tr-TR" sz="4000" kern="0" dirty="0">
                <a:solidFill>
                  <a:srgbClr val="000000"/>
                </a:solidFill>
                <a:latin typeface="Arial"/>
                <a:ea typeface="Permanent Marker"/>
                <a:cs typeface="Permanent Marker"/>
                <a:sym typeface="Permanent Marker"/>
              </a:rPr>
              <a:t>Vatanseverlik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198985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2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75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2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10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25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25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25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50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25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175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25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200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25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225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25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2500"/>
                            </p:stCondLst>
                            <p:childTnLst>
                              <p:par>
                                <p:cTn id="4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2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2750"/>
                            </p:stCondLst>
                            <p:childTnLst>
                              <p:par>
                                <p:cTn id="5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25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3000"/>
                            </p:stCondLst>
                            <p:childTnLst>
                              <p:par>
                                <p:cTn id="5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9" dur="25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3250"/>
                            </p:stCondLst>
                            <p:childTnLst>
                              <p:par>
                                <p:cTn id="6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25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3500"/>
                            </p:stCondLst>
                            <p:childTnLst>
                              <p:par>
                                <p:cTn id="6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25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3750"/>
                            </p:stCondLst>
                            <p:childTnLst>
                              <p:par>
                                <p:cTn id="6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2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4000"/>
                            </p:stCondLst>
                            <p:childTnLst>
                              <p:par>
                                <p:cTn id="7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5" dur="25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4250"/>
                            </p:stCondLst>
                            <p:childTnLst>
                              <p:par>
                                <p:cTn id="7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9" dur="2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4500"/>
                            </p:stCondLst>
                            <p:childTnLst>
                              <p:par>
                                <p:cTn id="8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3" dur="25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4750"/>
                            </p:stCondLst>
                            <p:childTnLst>
                              <p:par>
                                <p:cTn id="8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25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5000"/>
                            </p:stCondLst>
                            <p:childTnLst>
                              <p:par>
                                <p:cTn id="8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1" dur="25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5250"/>
                            </p:stCondLst>
                            <p:childTnLst>
                              <p:par>
                                <p:cTn id="9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5" dur="25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6" fill="hold">
                            <p:stCondLst>
                              <p:cond delay="5500"/>
                            </p:stCondLst>
                            <p:childTnLst>
                              <p:par>
                                <p:cTn id="9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9" dur="2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5750"/>
                            </p:stCondLst>
                            <p:childTnLst>
                              <p:par>
                                <p:cTn id="10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3" dur="25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6000"/>
                            </p:stCondLst>
                            <p:childTnLst>
                              <p:par>
                                <p:cTn id="10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2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8" fill="hold">
                            <p:stCondLst>
                              <p:cond delay="6250"/>
                            </p:stCondLst>
                            <p:childTnLst>
                              <p:par>
                                <p:cTn id="10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1" dur="25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6500"/>
                            </p:stCondLst>
                            <p:childTnLst>
                              <p:par>
                                <p:cTn id="1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5" dur="25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3" grpId="0" animBg="1"/>
      <p:bldP spid="4" grpId="0" animBg="1"/>
      <p:bldP spid="13" grpId="0"/>
      <p:bldP spid="14" grpId="0" animBg="1"/>
      <p:bldP spid="15" grpId="0" animBg="1"/>
      <p:bldP spid="16" grpId="0" animBg="1"/>
      <p:bldP spid="17" grpId="0" animBg="1"/>
      <p:bldP spid="18" grpId="0" animBg="1"/>
      <p:bldP spid="19" grpId="0" animBg="1"/>
      <p:bldP spid="20" grpId="0" animBg="1"/>
      <p:bldP spid="21" grpId="0" animBg="1"/>
      <p:bldP spid="22" grpId="0" animBg="1"/>
      <p:bldP spid="23" grpId="0" animBg="1"/>
      <p:bldP spid="24" grpId="0" animBg="1"/>
      <p:bldP spid="25" grpId="0" animBg="1"/>
      <p:bldP spid="34" grpId="0" animBg="1"/>
      <p:bldP spid="35" grpId="0" animBg="1"/>
      <p:bldP spid="36" grpId="0" animBg="1"/>
      <p:bldP spid="37" grpId="0" animBg="1"/>
      <p:bldP spid="38" grpId="0" animBg="1"/>
      <p:bldP spid="39" grpId="0" animBg="1"/>
      <p:bldP spid="40" grpId="0" animBg="1"/>
      <p:bldP spid="41" grpId="0" animBg="1"/>
      <p:bldP spid="42" grpId="0" animBg="1"/>
      <p:bldP spid="43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4364183" y="2612379"/>
            <a:ext cx="9660576" cy="4735314"/>
            <a:chOff x="0" y="0"/>
            <a:chExt cx="2167467" cy="105918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167467" cy="1059184"/>
            </a:xfrm>
            <a:custGeom>
              <a:avLst/>
              <a:gdLst/>
              <a:ahLst/>
              <a:cxnLst/>
              <a:rect l="l" t="t" r="r" b="b"/>
              <a:pathLst>
                <a:path w="2167467" h="1059184">
                  <a:moveTo>
                    <a:pt x="47978" y="0"/>
                  </a:moveTo>
                  <a:lnTo>
                    <a:pt x="2119489" y="0"/>
                  </a:lnTo>
                  <a:cubicBezTo>
                    <a:pt x="2145986" y="0"/>
                    <a:pt x="2167467" y="21480"/>
                    <a:pt x="2167467" y="47978"/>
                  </a:cubicBezTo>
                  <a:lnTo>
                    <a:pt x="2167467" y="1011206"/>
                  </a:lnTo>
                  <a:cubicBezTo>
                    <a:pt x="2167467" y="1037704"/>
                    <a:pt x="2145986" y="1059184"/>
                    <a:pt x="2119489" y="1059184"/>
                  </a:cubicBezTo>
                  <a:lnTo>
                    <a:pt x="47978" y="1059184"/>
                  </a:lnTo>
                  <a:cubicBezTo>
                    <a:pt x="21480" y="1059184"/>
                    <a:pt x="0" y="1037704"/>
                    <a:pt x="0" y="1011206"/>
                  </a:cubicBezTo>
                  <a:lnTo>
                    <a:pt x="0" y="47978"/>
                  </a:lnTo>
                  <a:cubicBezTo>
                    <a:pt x="0" y="21480"/>
                    <a:pt x="21480" y="0"/>
                    <a:pt x="47978" y="0"/>
                  </a:cubicBezTo>
                  <a:close/>
                </a:path>
              </a:pathLst>
            </a:custGeom>
            <a:solidFill>
              <a:srgbClr val="EFE8E2"/>
            </a:solidFill>
            <a:ln w="19050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pPr defTabSz="1371600"/>
              <a:endParaRPr lang="tr-TR" sz="2700">
                <a:solidFill>
                  <a:prstClr val="black"/>
                </a:solidFill>
                <a:latin typeface="Aptos" panose="02110004020202020204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47625"/>
              <a:ext cx="2167467" cy="1106809"/>
            </a:xfrm>
            <a:prstGeom prst="rect">
              <a:avLst/>
            </a:prstGeom>
          </p:spPr>
          <p:txBody>
            <a:bodyPr lIns="50801" tIns="50801" rIns="50801" bIns="50801" rtlCol="0" anchor="ctr"/>
            <a:lstStyle/>
            <a:p>
              <a:pPr algn="ctr" defTabSz="914445">
                <a:lnSpc>
                  <a:spcPts val="3359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19" name="TextBox 19"/>
          <p:cNvSpPr txBox="1"/>
          <p:nvPr/>
        </p:nvSpPr>
        <p:spPr>
          <a:xfrm>
            <a:off x="6318937" y="3509633"/>
            <a:ext cx="5650130" cy="84035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 defTabSz="914445">
              <a:lnSpc>
                <a:spcPts val="6272"/>
              </a:lnSpc>
            </a:pPr>
            <a:r>
              <a:rPr lang="tr-TR" sz="6600" spc="-63" dirty="0">
                <a:solidFill>
                  <a:srgbClr val="020519"/>
                </a:solidFill>
                <a:latin typeface="Aptos" panose="02110004020202020204"/>
              </a:rPr>
              <a:t>Etkinlik Zamanı</a:t>
            </a:r>
            <a:endParaRPr lang="en-US" sz="6600" spc="-63" dirty="0">
              <a:solidFill>
                <a:srgbClr val="020519"/>
              </a:solidFill>
              <a:latin typeface="Aptos" panose="02110004020202020204"/>
            </a:endParaRPr>
          </a:p>
        </p:txBody>
      </p:sp>
      <p:sp>
        <p:nvSpPr>
          <p:cNvPr id="24" name="Dikdörtgen: Köşeleri Yuvarlatılmış 23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2C1E9A5F-C131-C341-79AC-6B4C983D0F5D}"/>
              </a:ext>
            </a:extLst>
          </p:cNvPr>
          <p:cNvSpPr/>
          <p:nvPr/>
        </p:nvSpPr>
        <p:spPr>
          <a:xfrm>
            <a:off x="5979859" y="5465103"/>
            <a:ext cx="6328286" cy="1215816"/>
          </a:xfrm>
          <a:prstGeom prst="roundRect">
            <a:avLst>
              <a:gd name="adj" fmla="val 25093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/>
            <a:r>
              <a:rPr lang="tr-TR" sz="4800" dirty="0">
                <a:solidFill>
                  <a:prstClr val="black"/>
                </a:solidFill>
                <a:latin typeface="Aptos" panose="02110004020202020204"/>
              </a:rPr>
              <a:t>Etkinlik için tıklayınız.</a:t>
            </a:r>
          </a:p>
        </p:txBody>
      </p:sp>
      <p:pic>
        <p:nvPicPr>
          <p:cNvPr id="17" name="Picture 17"/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9980327" y="4978364"/>
            <a:ext cx="2344368" cy="5860922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1DB6B573-7D40-9844-7F65-688E4B34A8D0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224778" y="532685"/>
            <a:ext cx="1807146" cy="1750106"/>
          </a:xfrm>
          <a:prstGeom prst="rect">
            <a:avLst/>
          </a:prstGeom>
        </p:spPr>
      </p:pic>
      <p:sp>
        <p:nvSpPr>
          <p:cNvPr id="6" name="Metin kutusu 5">
            <a:extLst>
              <a:ext uri="{FF2B5EF4-FFF2-40B4-BE49-F238E27FC236}">
                <a16:creationId xmlns:a16="http://schemas.microsoft.com/office/drawing/2014/main" id="{0F42E964-DE86-1962-668A-782419FF48C8}"/>
              </a:ext>
            </a:extLst>
          </p:cNvPr>
          <p:cNvSpPr txBox="1"/>
          <p:nvPr/>
        </p:nvSpPr>
        <p:spPr>
          <a:xfrm>
            <a:off x="10051580" y="922988"/>
            <a:ext cx="8236421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defTabSz="1371600"/>
            <a:r>
              <a:rPr lang="tr-TR" sz="2700" b="1" dirty="0">
                <a:solidFill>
                  <a:srgbClr val="FF0000"/>
                </a:solidFill>
                <a:latin typeface="Aptos" panose="02110004020202020204"/>
              </a:rPr>
              <a:t>Not</a:t>
            </a:r>
            <a:r>
              <a:rPr lang="tr-TR" sz="2700" dirty="0">
                <a:solidFill>
                  <a:prstClr val="black"/>
                </a:solidFill>
                <a:latin typeface="Aptos" panose="02110004020202020204"/>
              </a:rPr>
              <a:t>: Etkinlikler online (internet ile ) çalışıyor. Akıllı  </a:t>
            </a:r>
          </a:p>
          <a:p>
            <a:pPr defTabSz="1371600"/>
            <a:r>
              <a:rPr lang="tr-TR" sz="2700" dirty="0">
                <a:solidFill>
                  <a:prstClr val="black"/>
                </a:solidFill>
                <a:latin typeface="Aptos" panose="02110004020202020204"/>
              </a:rPr>
              <a:t>            tahtalarda internet yoksa bu etkinlik çalışmaz.</a:t>
            </a:r>
          </a:p>
        </p:txBody>
      </p:sp>
    </p:spTree>
    <p:custDataLst>
      <p:tags r:id="rId1"/>
    </p:custData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Resim 2">
            <a:extLst>
              <a:ext uri="{FF2B5EF4-FFF2-40B4-BE49-F238E27FC236}">
                <a16:creationId xmlns:a16="http://schemas.microsoft.com/office/drawing/2014/main" id="{9A3B8278-E52C-AA50-3ACC-280EF9AA99D0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8288000" cy="10287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9164956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21778547"/>
              </p:ext>
            </p:extLst>
          </p:nvPr>
        </p:nvGraphicFramePr>
        <p:xfrm>
          <a:off x="5867400" y="1638300"/>
          <a:ext cx="12115904" cy="7696200"/>
        </p:xfrm>
        <a:graphic>
          <a:graphicData uri="http://schemas.openxmlformats.org/drawingml/2006/table">
            <a:tbl>
              <a:tblPr/>
              <a:tblGrid>
                <a:gridCol w="853440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358150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1066800">
                <a:tc>
                  <a:txBody>
                    <a:bodyPr/>
                    <a:lstStyle/>
                    <a:p>
                      <a:pPr algn="ctr">
                        <a:lnSpc>
                          <a:spcPts val="2800"/>
                        </a:lnSpc>
                        <a:defRPr/>
                      </a:pPr>
                      <a:r>
                        <a:rPr lang="tr-TR" sz="3600" b="1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yet Mealleri</a:t>
                      </a:r>
                      <a:endParaRPr lang="en-US" sz="36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ts val="2800"/>
                        </a:lnSpc>
                        <a:defRPr/>
                      </a:pPr>
                      <a:r>
                        <a:rPr lang="tr-TR" sz="3600" b="1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hlaki Değer</a:t>
                      </a:r>
                      <a:endParaRPr lang="en-US" sz="36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1295400">
                <a:tc>
                  <a:txBody>
                    <a:bodyPr/>
                    <a:lstStyle/>
                    <a:p>
                      <a:pPr marL="0" indent="0">
                        <a:buFont typeface="+mj-lt"/>
                        <a:buNone/>
                      </a:pPr>
                      <a:r>
                        <a:rPr lang="tr-TR" sz="2800" b="0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“Öyle ise emrolunduğun gibi dosdoğru ol...”</a:t>
                      </a:r>
                    </a:p>
                    <a:p>
                      <a:pPr marL="0" indent="0" algn="r">
                        <a:buFont typeface="+mj-lt"/>
                        <a:buNone/>
                      </a:pPr>
                      <a:r>
                        <a:rPr lang="tr-TR" sz="2800" b="0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                  (Hud suresi, 112. ayet.)</a:t>
                      </a:r>
                      <a:endParaRPr lang="en-US" sz="28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ts val="2800"/>
                        </a:lnSpc>
                        <a:defRPr/>
                      </a:pPr>
                      <a:endParaRPr lang="en-US" sz="11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1371600">
                <a:tc>
                  <a:txBody>
                    <a:bodyPr/>
                    <a:lstStyle/>
                    <a:p>
                      <a:pPr marL="0" indent="0">
                        <a:buFont typeface="+mj-lt"/>
                        <a:buNone/>
                      </a:pPr>
                      <a:r>
                        <a:rPr lang="tr-TR" sz="2800" b="0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“… Allah için şahitlik yaparak adaleti titizlikle ayakta tutan kimseler olun...” (Nisa suresi, 135. ayet.)</a:t>
                      </a:r>
                      <a:endParaRPr lang="en-US" sz="28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9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ts val="2800"/>
                        </a:lnSpc>
                        <a:defRPr/>
                      </a:pPr>
                      <a:endParaRPr lang="en-US" sz="11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95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1981200">
                <a:tc>
                  <a:txBody>
                    <a:bodyPr/>
                    <a:lstStyle/>
                    <a:p>
                      <a:pPr marL="0" indent="0">
                        <a:buFont typeface="+mj-lt"/>
                        <a:buNone/>
                      </a:pPr>
                      <a:r>
                        <a:rPr lang="tr-TR" sz="2800" b="0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“Ey iman edenler! Sabrederek ve namaz kılarak</a:t>
                      </a:r>
                    </a:p>
                    <a:p>
                      <a:pPr marL="0" indent="0">
                        <a:buFont typeface="+mj-lt"/>
                        <a:buNone/>
                      </a:pPr>
                      <a:r>
                        <a:rPr lang="tr-TR" sz="2800" b="0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Allah’tan yardım dileyin…” (Bakara suresi, 153. ayet.)</a:t>
                      </a:r>
                      <a:endParaRPr lang="en-US" sz="28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ts val="2800"/>
                        </a:lnSpc>
                        <a:defRPr/>
                      </a:pPr>
                      <a:endParaRPr lang="en-US" sz="11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1981200">
                <a:tc>
                  <a:txBody>
                    <a:bodyPr/>
                    <a:lstStyle/>
                    <a:p>
                      <a:pPr marL="0" indent="0">
                        <a:buFont typeface="+mj-lt"/>
                        <a:buNone/>
                      </a:pPr>
                      <a:r>
                        <a:rPr lang="tr-TR" sz="2800" b="0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“... Rabbim! Tıpkı beni küçükken koruyup yetiştirdikleri</a:t>
                      </a:r>
                    </a:p>
                    <a:p>
                      <a:pPr marL="0" indent="0">
                        <a:buFont typeface="+mj-lt"/>
                        <a:buNone/>
                      </a:pPr>
                      <a:r>
                        <a:rPr lang="tr-TR" sz="2800" b="0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gibi sen de anne babama merhamet et.” </a:t>
                      </a:r>
                    </a:p>
                    <a:p>
                      <a:pPr marL="0" indent="0" algn="r">
                        <a:buFont typeface="+mj-lt"/>
                        <a:buNone/>
                      </a:pPr>
                      <a:r>
                        <a:rPr lang="tr-TR" sz="2800" b="0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(</a:t>
                      </a:r>
                      <a:r>
                        <a:rPr lang="tr-TR" sz="2800" b="0" i="0" u="none" strike="noStrike" kern="1200" baseline="0" dirty="0" err="1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İsra</a:t>
                      </a:r>
                      <a:r>
                        <a:rPr lang="tr-TR" sz="2800" b="0" i="0" u="none" strike="noStrike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+mn-cs"/>
                        </a:rPr>
                        <a:t> suresi, 24. ayet.)</a:t>
                      </a:r>
                      <a:endParaRPr lang="en-US" sz="28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9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ts val="2800"/>
                        </a:lnSpc>
                        <a:defRPr/>
                      </a:pPr>
                      <a:endParaRPr lang="en-US" sz="1100" dirty="0"/>
                    </a:p>
                  </a:txBody>
                  <a:tcPr marL="190500" marR="190500" marT="190500" marB="190500" anchor="ctr">
                    <a:lnL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95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842090036"/>
                  </a:ext>
                </a:extLst>
              </a:tr>
            </a:tbl>
          </a:graphicData>
        </a:graphic>
      </p:graphicFrame>
      <p:sp>
        <p:nvSpPr>
          <p:cNvPr id="3" name="Freeform 3"/>
          <p:cNvSpPr/>
          <p:nvPr/>
        </p:nvSpPr>
        <p:spPr>
          <a:xfrm>
            <a:off x="304696" y="3071232"/>
            <a:ext cx="5180671" cy="4144537"/>
          </a:xfrm>
          <a:custGeom>
            <a:avLst/>
            <a:gdLst/>
            <a:ahLst/>
            <a:cxnLst/>
            <a:rect l="l" t="t" r="r" b="b"/>
            <a:pathLst>
              <a:path w="5180671" h="4144537">
                <a:moveTo>
                  <a:pt x="0" y="0"/>
                </a:moveTo>
                <a:lnTo>
                  <a:pt x="5180671" y="0"/>
                </a:lnTo>
                <a:lnTo>
                  <a:pt x="5180671" y="4144536"/>
                </a:lnTo>
                <a:lnTo>
                  <a:pt x="0" y="4144536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4" name="TextBox 4"/>
          <p:cNvSpPr txBox="1"/>
          <p:nvPr/>
        </p:nvSpPr>
        <p:spPr>
          <a:xfrm>
            <a:off x="5867400" y="46791"/>
            <a:ext cx="12115904" cy="135421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spcBef>
                <a:spcPct val="0"/>
              </a:spcBef>
            </a:pP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Aşağıda</a:t>
            </a:r>
            <a:r>
              <a:rPr lang="en-US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 </a:t>
            </a: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mealleri</a:t>
            </a:r>
            <a:r>
              <a:rPr lang="en-US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 </a:t>
            </a: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verilen</a:t>
            </a:r>
            <a:r>
              <a:rPr lang="en-US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 </a:t>
            </a: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ayetlerdeki</a:t>
            </a:r>
            <a:r>
              <a:rPr lang="en-US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 </a:t>
            </a: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ahlaki</a:t>
            </a:r>
            <a:r>
              <a:rPr lang="en-US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 </a:t>
            </a: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değerleri</a:t>
            </a:r>
            <a:r>
              <a:rPr lang="en-US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 </a:t>
            </a: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bulup</a:t>
            </a:r>
            <a:r>
              <a:rPr lang="en-US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 </a:t>
            </a: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karşısındaki</a:t>
            </a:r>
            <a:r>
              <a:rPr lang="en-US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 </a:t>
            </a: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kutucuklara</a:t>
            </a:r>
            <a:r>
              <a:rPr lang="tr-TR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 </a:t>
            </a:r>
            <a:r>
              <a:rPr lang="en-US" sz="4400" dirty="0" err="1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yazınız</a:t>
            </a:r>
            <a:r>
              <a:rPr lang="en-US" sz="4400" dirty="0">
                <a:solidFill>
                  <a:srgbClr val="000000"/>
                </a:solidFill>
                <a:ea typeface="Aileron"/>
                <a:cs typeface="Aileron"/>
                <a:sym typeface="Aileron"/>
              </a:rPr>
              <a:t>.</a:t>
            </a:r>
          </a:p>
        </p:txBody>
      </p:sp>
      <p:sp>
        <p:nvSpPr>
          <p:cNvPr id="5" name="Metin kutusu 4">
            <a:extLst>
              <a:ext uri="{FF2B5EF4-FFF2-40B4-BE49-F238E27FC236}">
                <a16:creationId xmlns:a16="http://schemas.microsoft.com/office/drawing/2014/main" id="{2FC067FB-6104-AD50-A90F-6BD120C9E65A}"/>
              </a:ext>
            </a:extLst>
          </p:cNvPr>
          <p:cNvSpPr txBox="1"/>
          <p:nvPr/>
        </p:nvSpPr>
        <p:spPr>
          <a:xfrm>
            <a:off x="14782800" y="2933700"/>
            <a:ext cx="29718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4000" dirty="0">
                <a:solidFill>
                  <a:srgbClr val="FF0000"/>
                </a:solidFill>
              </a:rPr>
              <a:t>Doğruluk</a:t>
            </a:r>
          </a:p>
        </p:txBody>
      </p:sp>
      <p:sp>
        <p:nvSpPr>
          <p:cNvPr id="6" name="Metin kutusu 5">
            <a:extLst>
              <a:ext uri="{FF2B5EF4-FFF2-40B4-BE49-F238E27FC236}">
                <a16:creationId xmlns:a16="http://schemas.microsoft.com/office/drawing/2014/main" id="{62A7F37B-FACC-50C1-618F-F9A3E693EFB4}"/>
              </a:ext>
            </a:extLst>
          </p:cNvPr>
          <p:cNvSpPr txBox="1"/>
          <p:nvPr/>
        </p:nvSpPr>
        <p:spPr>
          <a:xfrm>
            <a:off x="14782800" y="6195612"/>
            <a:ext cx="29718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4000" dirty="0">
                <a:solidFill>
                  <a:srgbClr val="FF0000"/>
                </a:solidFill>
              </a:rPr>
              <a:t>Sabır</a:t>
            </a:r>
          </a:p>
        </p:txBody>
      </p:sp>
      <p:sp>
        <p:nvSpPr>
          <p:cNvPr id="7" name="Metin kutusu 6">
            <a:extLst>
              <a:ext uri="{FF2B5EF4-FFF2-40B4-BE49-F238E27FC236}">
                <a16:creationId xmlns:a16="http://schemas.microsoft.com/office/drawing/2014/main" id="{B01B970E-4C5C-1E5C-850D-017278F89973}"/>
              </a:ext>
            </a:extLst>
          </p:cNvPr>
          <p:cNvSpPr txBox="1"/>
          <p:nvPr/>
        </p:nvSpPr>
        <p:spPr>
          <a:xfrm>
            <a:off x="14794832" y="4435614"/>
            <a:ext cx="29718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4000" dirty="0">
                <a:solidFill>
                  <a:srgbClr val="FF0000"/>
                </a:solidFill>
              </a:rPr>
              <a:t>Adalet</a:t>
            </a:r>
          </a:p>
        </p:txBody>
      </p:sp>
      <p:sp>
        <p:nvSpPr>
          <p:cNvPr id="8" name="Metin kutusu 7">
            <a:extLst>
              <a:ext uri="{FF2B5EF4-FFF2-40B4-BE49-F238E27FC236}">
                <a16:creationId xmlns:a16="http://schemas.microsoft.com/office/drawing/2014/main" id="{52B6EF92-1256-8386-03AC-94BAEA7EBA3A}"/>
              </a:ext>
            </a:extLst>
          </p:cNvPr>
          <p:cNvSpPr txBox="1"/>
          <p:nvPr/>
        </p:nvSpPr>
        <p:spPr>
          <a:xfrm>
            <a:off x="14782800" y="7826567"/>
            <a:ext cx="29718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tr-TR" sz="4000" dirty="0">
                <a:solidFill>
                  <a:srgbClr val="FF0000"/>
                </a:solidFill>
              </a:rPr>
              <a:t>Saygı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6" grpId="0"/>
      <p:bldP spid="7" grpId="0"/>
      <p:bldP spid="8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3" name="Düz Bağlayıcı 2">
            <a:extLst>
              <a:ext uri="{FF2B5EF4-FFF2-40B4-BE49-F238E27FC236}">
                <a16:creationId xmlns:a16="http://schemas.microsoft.com/office/drawing/2014/main" id="{78E9B594-12BF-C325-755E-B208045F8E33}"/>
              </a:ext>
            </a:extLst>
          </p:cNvPr>
          <p:cNvCxnSpPr>
            <a:cxnSpLocks/>
          </p:cNvCxnSpPr>
          <p:nvPr/>
        </p:nvCxnSpPr>
        <p:spPr>
          <a:xfrm>
            <a:off x="13876871" y="1121822"/>
            <a:ext cx="22328" cy="8877925"/>
          </a:xfrm>
          <a:prstGeom prst="line">
            <a:avLst/>
          </a:prstGeom>
          <a:noFill/>
          <a:ln w="57150" cap="flat" cmpd="sng" algn="ctr">
            <a:solidFill>
              <a:srgbClr val="F57921"/>
            </a:solidFill>
            <a:prstDash val="solid"/>
            <a:miter lim="800000"/>
          </a:ln>
          <a:effectLst/>
        </p:spPr>
      </p:cxnSp>
      <p:sp>
        <p:nvSpPr>
          <p:cNvPr id="2" name="Dikdörtgen 1">
            <a:extLst>
              <a:ext uri="{FF2B5EF4-FFF2-40B4-BE49-F238E27FC236}">
                <a16:creationId xmlns:a16="http://schemas.microsoft.com/office/drawing/2014/main" id="{D510A33D-E275-861E-7348-4BB5613E52AA}"/>
              </a:ext>
            </a:extLst>
          </p:cNvPr>
          <p:cNvSpPr/>
          <p:nvPr/>
        </p:nvSpPr>
        <p:spPr>
          <a:xfrm>
            <a:off x="9617249" y="2323527"/>
            <a:ext cx="3600000" cy="767377"/>
          </a:xfrm>
          <a:prstGeom prst="rect">
            <a:avLst/>
          </a:prstGeom>
          <a:solidFill>
            <a:srgbClr val="7993CB"/>
          </a:solidFill>
          <a:ln w="1270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nsan </a:t>
            </a:r>
          </a:p>
        </p:txBody>
      </p:sp>
      <p:sp>
        <p:nvSpPr>
          <p:cNvPr id="4" name="Dikdörtgen 3">
            <a:extLst>
              <a:ext uri="{FF2B5EF4-FFF2-40B4-BE49-F238E27FC236}">
                <a16:creationId xmlns:a16="http://schemas.microsoft.com/office/drawing/2014/main" id="{94DD5860-D20B-DFAC-E11D-017A1B378CD9}"/>
              </a:ext>
            </a:extLst>
          </p:cNvPr>
          <p:cNvSpPr/>
          <p:nvPr/>
        </p:nvSpPr>
        <p:spPr>
          <a:xfrm>
            <a:off x="14295181" y="2273226"/>
            <a:ext cx="3550009" cy="782131"/>
          </a:xfrm>
          <a:prstGeom prst="rect">
            <a:avLst/>
          </a:prstGeom>
          <a:solidFill>
            <a:srgbClr val="7993CB"/>
          </a:solidFill>
          <a:ln w="1270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İnsan</a:t>
            </a:r>
          </a:p>
        </p:txBody>
      </p:sp>
      <p:sp>
        <p:nvSpPr>
          <p:cNvPr id="5" name="Dikdörtgen 4">
            <a:extLst>
              <a:ext uri="{FF2B5EF4-FFF2-40B4-BE49-F238E27FC236}">
                <a16:creationId xmlns:a16="http://schemas.microsoft.com/office/drawing/2014/main" id="{D4F58536-72F5-4EFE-9CDA-7029DB96993C}"/>
              </a:ext>
            </a:extLst>
          </p:cNvPr>
          <p:cNvSpPr/>
          <p:nvPr/>
        </p:nvSpPr>
        <p:spPr>
          <a:xfrm>
            <a:off x="9372600" y="416293"/>
            <a:ext cx="8610600" cy="9604007"/>
          </a:xfrm>
          <a:prstGeom prst="rect">
            <a:avLst/>
          </a:prstGeom>
          <a:noFill/>
          <a:ln w="3810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6" name="7 Yuvarlatılmış Dikdörtgen">
            <a:extLst>
              <a:ext uri="{FF2B5EF4-FFF2-40B4-BE49-F238E27FC236}">
                <a16:creationId xmlns:a16="http://schemas.microsoft.com/office/drawing/2014/main" id="{C72EEBFE-7C45-290F-1BB3-416D33800396}"/>
              </a:ext>
            </a:extLst>
          </p:cNvPr>
          <p:cNvSpPr/>
          <p:nvPr/>
        </p:nvSpPr>
        <p:spPr>
          <a:xfrm>
            <a:off x="14126657" y="5068790"/>
            <a:ext cx="3600000" cy="720000"/>
          </a:xfrm>
          <a:prstGeom prst="roundRect">
            <a:avLst/>
          </a:prstGeom>
          <a:solidFill>
            <a:srgbClr val="7CD2E3"/>
          </a:solidFill>
          <a:ln w="635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</a:t>
            </a:r>
            <a:r>
              <a:rPr kumimoji="0" lang="tr-TR" sz="2800" b="0" i="0" u="none" strike="noStrike" kern="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mrilik</a:t>
            </a:r>
            <a:endParaRPr kumimoji="0" lang="tr-TR" sz="28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7" name="15 Yuvarlatılmış Dikdörtgen">
            <a:extLst>
              <a:ext uri="{FF2B5EF4-FFF2-40B4-BE49-F238E27FC236}">
                <a16:creationId xmlns:a16="http://schemas.microsoft.com/office/drawing/2014/main" id="{28CBC88D-A713-C958-ECE2-2E167273B734}"/>
              </a:ext>
            </a:extLst>
          </p:cNvPr>
          <p:cNvSpPr/>
          <p:nvPr/>
        </p:nvSpPr>
        <p:spPr>
          <a:xfrm>
            <a:off x="14126657" y="3845548"/>
            <a:ext cx="3600000" cy="720000"/>
          </a:xfrm>
          <a:prstGeom prst="roundRect">
            <a:avLst/>
          </a:prstGeom>
          <a:solidFill>
            <a:srgbClr val="7CD2E3"/>
          </a:solidFill>
          <a:ln w="635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b</a:t>
            </a:r>
            <a:r>
              <a:rPr kumimoji="0" lang="tr-TR" sz="2800" b="0" i="0" u="none" strike="noStrike" kern="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ncillik</a:t>
            </a:r>
            <a:endParaRPr kumimoji="0" lang="tr-TR" sz="28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8" name="16 Yuvarlatılmış Dikdörtgen">
            <a:extLst>
              <a:ext uri="{FF2B5EF4-FFF2-40B4-BE49-F238E27FC236}">
                <a16:creationId xmlns:a16="http://schemas.microsoft.com/office/drawing/2014/main" id="{1391BEA2-8D59-8F4C-0F68-E5F81A984995}"/>
              </a:ext>
            </a:extLst>
          </p:cNvPr>
          <p:cNvSpPr/>
          <p:nvPr/>
        </p:nvSpPr>
        <p:spPr>
          <a:xfrm>
            <a:off x="14126657" y="6292032"/>
            <a:ext cx="3600000" cy="720000"/>
          </a:xfrm>
          <a:prstGeom prst="roundRect">
            <a:avLst/>
          </a:prstGeom>
          <a:solidFill>
            <a:srgbClr val="7CD2E3"/>
          </a:solidFill>
          <a:ln w="635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</a:t>
            </a:r>
            <a:r>
              <a:rPr kumimoji="0" lang="tr-TR" sz="2800" b="0" i="0" u="none" strike="noStrike" kern="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ıskançlık</a:t>
            </a:r>
            <a:endParaRPr kumimoji="0" lang="tr-TR" sz="28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9" name="17 Yuvarlatılmış Dikdörtgen">
            <a:extLst>
              <a:ext uri="{FF2B5EF4-FFF2-40B4-BE49-F238E27FC236}">
                <a16:creationId xmlns:a16="http://schemas.microsoft.com/office/drawing/2014/main" id="{0386C9C0-5529-30E9-3089-B41955F6D31C}"/>
              </a:ext>
            </a:extLst>
          </p:cNvPr>
          <p:cNvSpPr/>
          <p:nvPr/>
        </p:nvSpPr>
        <p:spPr>
          <a:xfrm>
            <a:off x="14126657" y="7515275"/>
            <a:ext cx="3600000" cy="720000"/>
          </a:xfrm>
          <a:prstGeom prst="roundRect">
            <a:avLst/>
          </a:prstGeom>
          <a:solidFill>
            <a:srgbClr val="7CD2E3"/>
          </a:solidFill>
          <a:ln w="635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ibir</a:t>
            </a:r>
          </a:p>
        </p:txBody>
      </p:sp>
      <p:sp>
        <p:nvSpPr>
          <p:cNvPr id="10" name="5 Yuvarlatılmış Dikdörtgen">
            <a:extLst>
              <a:ext uri="{FF2B5EF4-FFF2-40B4-BE49-F238E27FC236}">
                <a16:creationId xmlns:a16="http://schemas.microsoft.com/office/drawing/2014/main" id="{1194E356-99C4-9391-8FB7-F6D9C6ABD6F9}"/>
              </a:ext>
            </a:extLst>
          </p:cNvPr>
          <p:cNvSpPr/>
          <p:nvPr/>
        </p:nvSpPr>
        <p:spPr>
          <a:xfrm>
            <a:off x="9961530" y="3496699"/>
            <a:ext cx="3600000" cy="720000"/>
          </a:xfrm>
          <a:prstGeom prst="roundRect">
            <a:avLst/>
          </a:prstGeom>
          <a:solidFill>
            <a:srgbClr val="D8ECD3"/>
          </a:solidFill>
          <a:ln w="6350" cap="flat" cmpd="sng" algn="ctr">
            <a:solidFill>
              <a:srgbClr val="9C2068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yilik</a:t>
            </a:r>
            <a:endParaRPr kumimoji="0" lang="tr-TR" sz="24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1" name="23 Yuvarlatılmış Dikdörtgen">
            <a:extLst>
              <a:ext uri="{FF2B5EF4-FFF2-40B4-BE49-F238E27FC236}">
                <a16:creationId xmlns:a16="http://schemas.microsoft.com/office/drawing/2014/main" id="{D6E12F4E-34C2-3913-9998-8102B478C83C}"/>
              </a:ext>
            </a:extLst>
          </p:cNvPr>
          <p:cNvSpPr/>
          <p:nvPr/>
        </p:nvSpPr>
        <p:spPr>
          <a:xfrm>
            <a:off x="9961530" y="5523683"/>
            <a:ext cx="3600000" cy="720000"/>
          </a:xfrm>
          <a:prstGeom prst="roundRect">
            <a:avLst/>
          </a:prstGeom>
          <a:solidFill>
            <a:srgbClr val="D8ECD3"/>
          </a:solidFill>
          <a:ln w="6350" cap="flat" cmpd="sng" algn="ctr">
            <a:solidFill>
              <a:srgbClr val="9C2068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m</a:t>
            </a:r>
            <a:r>
              <a:rPr kumimoji="0" lang="tr-TR" sz="2800" b="0" i="0" u="none" strike="noStrike" kern="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erhametli</a:t>
            </a: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olmak</a:t>
            </a:r>
          </a:p>
        </p:txBody>
      </p:sp>
      <p:sp>
        <p:nvSpPr>
          <p:cNvPr id="12" name="44 Yuvarlatılmış Dikdörtgen">
            <a:extLst>
              <a:ext uri="{FF2B5EF4-FFF2-40B4-BE49-F238E27FC236}">
                <a16:creationId xmlns:a16="http://schemas.microsoft.com/office/drawing/2014/main" id="{8A241668-46B8-3D1B-BA43-CE0DE12F9836}"/>
              </a:ext>
            </a:extLst>
          </p:cNvPr>
          <p:cNvSpPr/>
          <p:nvPr/>
        </p:nvSpPr>
        <p:spPr>
          <a:xfrm>
            <a:off x="9961530" y="6537175"/>
            <a:ext cx="3600000" cy="720000"/>
          </a:xfrm>
          <a:prstGeom prst="roundRect">
            <a:avLst/>
          </a:prstGeom>
          <a:solidFill>
            <a:srgbClr val="D8ECD3"/>
          </a:solidFill>
          <a:ln w="6350" cap="flat" cmpd="sng" algn="ctr">
            <a:solidFill>
              <a:srgbClr val="9C2068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</a:t>
            </a:r>
            <a:r>
              <a:rPr kumimoji="0" lang="tr-TR" sz="2800" b="0" i="0" u="none" strike="noStrike" kern="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bırlı</a:t>
            </a: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olmak</a:t>
            </a:r>
          </a:p>
        </p:txBody>
      </p:sp>
      <p:sp>
        <p:nvSpPr>
          <p:cNvPr id="13" name="45 Yuvarlatılmış Dikdörtgen">
            <a:extLst>
              <a:ext uri="{FF2B5EF4-FFF2-40B4-BE49-F238E27FC236}">
                <a16:creationId xmlns:a16="http://schemas.microsoft.com/office/drawing/2014/main" id="{92EBCD64-35C1-8901-394B-A1F37B1D4467}"/>
              </a:ext>
            </a:extLst>
          </p:cNvPr>
          <p:cNvSpPr/>
          <p:nvPr/>
        </p:nvSpPr>
        <p:spPr>
          <a:xfrm>
            <a:off x="9961530" y="7550667"/>
            <a:ext cx="3600000" cy="720000"/>
          </a:xfrm>
          <a:prstGeom prst="roundRect">
            <a:avLst/>
          </a:prstGeom>
          <a:solidFill>
            <a:srgbClr val="D8ECD3"/>
          </a:solidFill>
          <a:ln w="6350" cap="flat" cmpd="sng" algn="ctr">
            <a:solidFill>
              <a:srgbClr val="9C2068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</a:t>
            </a:r>
            <a:r>
              <a:rPr kumimoji="0" lang="tr-TR" sz="2800" b="0" i="0" u="none" strike="noStrike" kern="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rdımseverlik</a:t>
            </a:r>
            <a:endParaRPr kumimoji="0" lang="tr-TR" sz="28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4" name="46 Yuvarlatılmış Dikdörtgen">
            <a:extLst>
              <a:ext uri="{FF2B5EF4-FFF2-40B4-BE49-F238E27FC236}">
                <a16:creationId xmlns:a16="http://schemas.microsoft.com/office/drawing/2014/main" id="{F8099B56-300D-2188-95D6-F0542A7BE09B}"/>
              </a:ext>
            </a:extLst>
          </p:cNvPr>
          <p:cNvSpPr/>
          <p:nvPr/>
        </p:nvSpPr>
        <p:spPr>
          <a:xfrm>
            <a:off x="9961530" y="4510191"/>
            <a:ext cx="3600000" cy="720000"/>
          </a:xfrm>
          <a:prstGeom prst="roundRect">
            <a:avLst/>
          </a:prstGeom>
          <a:solidFill>
            <a:srgbClr val="D8ECD3"/>
          </a:solidFill>
          <a:ln w="6350" cap="flat" cmpd="sng" algn="ctr">
            <a:solidFill>
              <a:srgbClr val="9C2068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aygılı olmak</a:t>
            </a:r>
          </a:p>
        </p:txBody>
      </p:sp>
      <p:sp>
        <p:nvSpPr>
          <p:cNvPr id="15" name="Dikdörtgen 14">
            <a:extLst>
              <a:ext uri="{FF2B5EF4-FFF2-40B4-BE49-F238E27FC236}">
                <a16:creationId xmlns:a16="http://schemas.microsoft.com/office/drawing/2014/main" id="{363AFB72-EA64-7A16-BDE4-DE613A147088}"/>
              </a:ext>
            </a:extLst>
          </p:cNvPr>
          <p:cNvSpPr/>
          <p:nvPr/>
        </p:nvSpPr>
        <p:spPr>
          <a:xfrm>
            <a:off x="2999303" y="623875"/>
            <a:ext cx="5880107" cy="8940444"/>
          </a:xfrm>
          <a:prstGeom prst="rect">
            <a:avLst/>
          </a:prstGeom>
          <a:noFill/>
          <a:ln w="3810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16" name="5 Yuvarlatılmış Dikdörtgen">
            <a:extLst>
              <a:ext uri="{FF2B5EF4-FFF2-40B4-BE49-F238E27FC236}">
                <a16:creationId xmlns:a16="http://schemas.microsoft.com/office/drawing/2014/main" id="{3636450E-B6B3-6C62-BED0-6203EDFAA363}"/>
              </a:ext>
            </a:extLst>
          </p:cNvPr>
          <p:cNvSpPr/>
          <p:nvPr/>
        </p:nvSpPr>
        <p:spPr>
          <a:xfrm>
            <a:off x="4080305" y="975458"/>
            <a:ext cx="3960000" cy="540000"/>
          </a:xfrm>
          <a:prstGeom prst="roundRect">
            <a:avLst/>
          </a:prstGeom>
          <a:solidFill>
            <a:srgbClr val="ED7D31">
              <a:lumMod val="60000"/>
              <a:lumOff val="40000"/>
            </a:srgbClr>
          </a:solidFill>
          <a:ln w="6350" cap="flat" cmpd="sng" algn="ctr">
            <a:solidFill>
              <a:srgbClr val="ED7D31">
                <a:lumMod val="60000"/>
                <a:lumOff val="4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iyilik</a:t>
            </a:r>
          </a:p>
        </p:txBody>
      </p:sp>
      <p:sp>
        <p:nvSpPr>
          <p:cNvPr id="17" name="77 Yuvarlatılmış Dikdörtgen">
            <a:extLst>
              <a:ext uri="{FF2B5EF4-FFF2-40B4-BE49-F238E27FC236}">
                <a16:creationId xmlns:a16="http://schemas.microsoft.com/office/drawing/2014/main" id="{B5B30E57-5FD0-F4F1-36F3-AA429238373D}"/>
              </a:ext>
            </a:extLst>
          </p:cNvPr>
          <p:cNvSpPr/>
          <p:nvPr/>
        </p:nvSpPr>
        <p:spPr>
          <a:xfrm>
            <a:off x="4080305" y="2770866"/>
            <a:ext cx="3960000" cy="540000"/>
          </a:xfrm>
          <a:prstGeom prst="roundRect">
            <a:avLst/>
          </a:prstGeom>
          <a:solidFill>
            <a:srgbClr val="ED7D31">
              <a:lumMod val="60000"/>
              <a:lumOff val="40000"/>
            </a:srgbClr>
          </a:solidFill>
          <a:ln w="6350" cap="flat" cmpd="sng" algn="ctr">
            <a:solidFill>
              <a:srgbClr val="ED7D31">
                <a:lumMod val="60000"/>
                <a:lumOff val="4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Cimrilik</a:t>
            </a:r>
          </a:p>
        </p:txBody>
      </p:sp>
      <p:sp>
        <p:nvSpPr>
          <p:cNvPr id="18" name="115 Yuvarlatılmış Dikdörtgen">
            <a:extLst>
              <a:ext uri="{FF2B5EF4-FFF2-40B4-BE49-F238E27FC236}">
                <a16:creationId xmlns:a16="http://schemas.microsoft.com/office/drawing/2014/main" id="{6A3E711F-8792-88C6-B4A8-33F626ECAD26}"/>
              </a:ext>
            </a:extLst>
          </p:cNvPr>
          <p:cNvSpPr/>
          <p:nvPr/>
        </p:nvSpPr>
        <p:spPr>
          <a:xfrm>
            <a:off x="4080305" y="1873162"/>
            <a:ext cx="3960000" cy="540000"/>
          </a:xfrm>
          <a:prstGeom prst="roundRect">
            <a:avLst/>
          </a:prstGeom>
          <a:solidFill>
            <a:srgbClr val="ED7D31">
              <a:lumMod val="60000"/>
              <a:lumOff val="40000"/>
            </a:srgbClr>
          </a:solidFill>
          <a:ln w="6350" cap="flat" cmpd="sng" algn="ctr">
            <a:solidFill>
              <a:srgbClr val="ED7D31">
                <a:lumMod val="60000"/>
                <a:lumOff val="4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Bencillik</a:t>
            </a:r>
          </a:p>
        </p:txBody>
      </p:sp>
      <p:sp>
        <p:nvSpPr>
          <p:cNvPr id="19" name="233">
            <a:extLst>
              <a:ext uri="{FF2B5EF4-FFF2-40B4-BE49-F238E27FC236}">
                <a16:creationId xmlns:a16="http://schemas.microsoft.com/office/drawing/2014/main" id="{86694F62-AECA-694B-7928-2D6D6FE186BC}"/>
              </a:ext>
            </a:extLst>
          </p:cNvPr>
          <p:cNvSpPr/>
          <p:nvPr/>
        </p:nvSpPr>
        <p:spPr>
          <a:xfrm>
            <a:off x="4080305" y="4566274"/>
            <a:ext cx="3960000" cy="540000"/>
          </a:xfrm>
          <a:prstGeom prst="roundRect">
            <a:avLst/>
          </a:prstGeom>
          <a:solidFill>
            <a:srgbClr val="ED7D31">
              <a:lumMod val="60000"/>
              <a:lumOff val="40000"/>
            </a:srgbClr>
          </a:solidFill>
          <a:ln w="6350" cap="flat" cmpd="sng" algn="ctr">
            <a:solidFill>
              <a:srgbClr val="ED7D31">
                <a:lumMod val="60000"/>
                <a:lumOff val="4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Merhametli olmak</a:t>
            </a:r>
          </a:p>
        </p:txBody>
      </p:sp>
      <p:sp>
        <p:nvSpPr>
          <p:cNvPr id="20" name="46 Yuvarlatılmış Dikdörtgen">
            <a:extLst>
              <a:ext uri="{FF2B5EF4-FFF2-40B4-BE49-F238E27FC236}">
                <a16:creationId xmlns:a16="http://schemas.microsoft.com/office/drawing/2014/main" id="{2AB7CB3A-E77A-56AE-1D98-827C036F72E8}"/>
              </a:ext>
            </a:extLst>
          </p:cNvPr>
          <p:cNvSpPr/>
          <p:nvPr/>
        </p:nvSpPr>
        <p:spPr>
          <a:xfrm>
            <a:off x="4080305" y="3668570"/>
            <a:ext cx="3960000" cy="540000"/>
          </a:xfrm>
          <a:prstGeom prst="roundRect">
            <a:avLst/>
          </a:prstGeom>
          <a:solidFill>
            <a:srgbClr val="ED7D31">
              <a:lumMod val="60000"/>
              <a:lumOff val="40000"/>
            </a:srgbClr>
          </a:solidFill>
          <a:ln w="6350" cap="flat" cmpd="sng" algn="ctr">
            <a:solidFill>
              <a:srgbClr val="ED7D31">
                <a:lumMod val="60000"/>
                <a:lumOff val="4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aygılı olmak</a:t>
            </a:r>
          </a:p>
        </p:txBody>
      </p:sp>
      <p:sp>
        <p:nvSpPr>
          <p:cNvPr id="21" name="66 Yuvarlatılmış Dikdörtgen">
            <a:extLst>
              <a:ext uri="{FF2B5EF4-FFF2-40B4-BE49-F238E27FC236}">
                <a16:creationId xmlns:a16="http://schemas.microsoft.com/office/drawing/2014/main" id="{D1304E58-9BA9-254E-479D-2F03AAC63600}"/>
              </a:ext>
            </a:extLst>
          </p:cNvPr>
          <p:cNvSpPr/>
          <p:nvPr/>
        </p:nvSpPr>
        <p:spPr>
          <a:xfrm>
            <a:off x="4080305" y="5463978"/>
            <a:ext cx="3960000" cy="540000"/>
          </a:xfrm>
          <a:prstGeom prst="roundRect">
            <a:avLst/>
          </a:prstGeom>
          <a:solidFill>
            <a:srgbClr val="ED7D31">
              <a:lumMod val="60000"/>
              <a:lumOff val="40000"/>
            </a:srgbClr>
          </a:solidFill>
          <a:ln w="6350" cap="flat" cmpd="sng" algn="ctr">
            <a:solidFill>
              <a:srgbClr val="ED7D31">
                <a:lumMod val="60000"/>
                <a:lumOff val="4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ıskançlık</a:t>
            </a:r>
          </a:p>
        </p:txBody>
      </p:sp>
      <p:sp>
        <p:nvSpPr>
          <p:cNvPr id="22" name="444">
            <a:extLst>
              <a:ext uri="{FF2B5EF4-FFF2-40B4-BE49-F238E27FC236}">
                <a16:creationId xmlns:a16="http://schemas.microsoft.com/office/drawing/2014/main" id="{9534DE2C-DF55-1D1A-D736-6B44EDD72B26}"/>
              </a:ext>
            </a:extLst>
          </p:cNvPr>
          <p:cNvSpPr/>
          <p:nvPr/>
        </p:nvSpPr>
        <p:spPr>
          <a:xfrm>
            <a:off x="4080305" y="6361682"/>
            <a:ext cx="3960000" cy="540000"/>
          </a:xfrm>
          <a:prstGeom prst="roundRect">
            <a:avLst/>
          </a:prstGeom>
          <a:solidFill>
            <a:srgbClr val="ED7D31">
              <a:lumMod val="60000"/>
              <a:lumOff val="40000"/>
            </a:srgbClr>
          </a:solidFill>
          <a:ln w="6350" cap="flat" cmpd="sng" algn="ctr">
            <a:solidFill>
              <a:srgbClr val="ED7D31">
                <a:lumMod val="60000"/>
                <a:lumOff val="4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abırlı olmak</a:t>
            </a:r>
          </a:p>
        </p:txBody>
      </p:sp>
      <p:sp>
        <p:nvSpPr>
          <p:cNvPr id="23" name="445 Yuvarlatılmış Dikdörtgen">
            <a:extLst>
              <a:ext uri="{FF2B5EF4-FFF2-40B4-BE49-F238E27FC236}">
                <a16:creationId xmlns:a16="http://schemas.microsoft.com/office/drawing/2014/main" id="{8B246C96-6477-3988-6FBA-1E624AB2EB80}"/>
              </a:ext>
            </a:extLst>
          </p:cNvPr>
          <p:cNvSpPr/>
          <p:nvPr/>
        </p:nvSpPr>
        <p:spPr>
          <a:xfrm>
            <a:off x="4080305" y="7259386"/>
            <a:ext cx="3960000" cy="540000"/>
          </a:xfrm>
          <a:prstGeom prst="roundRect">
            <a:avLst/>
          </a:prstGeom>
          <a:solidFill>
            <a:srgbClr val="ED7D31">
              <a:lumMod val="60000"/>
              <a:lumOff val="40000"/>
            </a:srgbClr>
          </a:solidFill>
          <a:ln w="6350" cap="flat" cmpd="sng" algn="ctr">
            <a:solidFill>
              <a:srgbClr val="ED7D31">
                <a:lumMod val="60000"/>
                <a:lumOff val="4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ardımseverlik</a:t>
            </a:r>
          </a:p>
        </p:txBody>
      </p:sp>
      <p:sp>
        <p:nvSpPr>
          <p:cNvPr id="24" name="18 Yuvarlatılmış Dikdörtgen">
            <a:extLst>
              <a:ext uri="{FF2B5EF4-FFF2-40B4-BE49-F238E27FC236}">
                <a16:creationId xmlns:a16="http://schemas.microsoft.com/office/drawing/2014/main" id="{A0CEEA5A-9925-0CC9-BE41-3A0AB44F1D60}"/>
              </a:ext>
            </a:extLst>
          </p:cNvPr>
          <p:cNvSpPr/>
          <p:nvPr/>
        </p:nvSpPr>
        <p:spPr>
          <a:xfrm>
            <a:off x="4080305" y="8157094"/>
            <a:ext cx="3960000" cy="540000"/>
          </a:xfrm>
          <a:prstGeom prst="roundRect">
            <a:avLst/>
          </a:prstGeom>
          <a:solidFill>
            <a:srgbClr val="ED7D31">
              <a:lumMod val="60000"/>
              <a:lumOff val="40000"/>
            </a:srgbClr>
          </a:solidFill>
          <a:ln w="6350" cap="flat" cmpd="sng" algn="ctr">
            <a:solidFill>
              <a:srgbClr val="ED7D31">
                <a:lumMod val="60000"/>
                <a:lumOff val="4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ibir</a:t>
            </a:r>
          </a:p>
        </p:txBody>
      </p:sp>
      <p:sp>
        <p:nvSpPr>
          <p:cNvPr id="25" name="Dikdörtgen 24">
            <a:extLst>
              <a:ext uri="{FF2B5EF4-FFF2-40B4-BE49-F238E27FC236}">
                <a16:creationId xmlns:a16="http://schemas.microsoft.com/office/drawing/2014/main" id="{12C1894A-3F76-36B9-44C0-0953A3A32FF5}"/>
              </a:ext>
            </a:extLst>
          </p:cNvPr>
          <p:cNvSpPr/>
          <p:nvPr/>
        </p:nvSpPr>
        <p:spPr>
          <a:xfrm>
            <a:off x="10162166" y="9144764"/>
            <a:ext cx="3513997" cy="610011"/>
          </a:xfrm>
          <a:prstGeom prst="rect">
            <a:avLst/>
          </a:prstGeom>
          <a:solidFill>
            <a:srgbClr val="7993CB"/>
          </a:solidFill>
          <a:ln w="1270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apar. </a:t>
            </a:r>
          </a:p>
        </p:txBody>
      </p:sp>
      <p:sp>
        <p:nvSpPr>
          <p:cNvPr id="26" name="Sağ Ok 3">
            <a:extLst>
              <a:ext uri="{FF2B5EF4-FFF2-40B4-BE49-F238E27FC236}">
                <a16:creationId xmlns:a16="http://schemas.microsoft.com/office/drawing/2014/main" id="{DB1A0351-AA33-E066-6188-6CDE3D87B589}"/>
              </a:ext>
            </a:extLst>
          </p:cNvPr>
          <p:cNvSpPr/>
          <p:nvPr/>
        </p:nvSpPr>
        <p:spPr>
          <a:xfrm rot="16200000">
            <a:off x="11459897" y="8283100"/>
            <a:ext cx="610011" cy="780288"/>
          </a:xfrm>
          <a:prstGeom prst="rightArrow">
            <a:avLst/>
          </a:prstGeom>
          <a:solidFill>
            <a:srgbClr val="F57921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7" name="Dikdörtgen 26">
            <a:extLst>
              <a:ext uri="{FF2B5EF4-FFF2-40B4-BE49-F238E27FC236}">
                <a16:creationId xmlns:a16="http://schemas.microsoft.com/office/drawing/2014/main" id="{000E202C-7F7C-AEF3-AAA5-01E4E953571E}"/>
              </a:ext>
            </a:extLst>
          </p:cNvPr>
          <p:cNvSpPr/>
          <p:nvPr/>
        </p:nvSpPr>
        <p:spPr>
          <a:xfrm>
            <a:off x="14153027" y="9113531"/>
            <a:ext cx="3794031" cy="582238"/>
          </a:xfrm>
          <a:prstGeom prst="rect">
            <a:avLst/>
          </a:prstGeom>
          <a:solidFill>
            <a:srgbClr val="7993CB"/>
          </a:solidFill>
          <a:ln w="12700" cap="flat" cmpd="sng" algn="ctr">
            <a:solidFill>
              <a:srgbClr val="F5792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yapmaz.</a:t>
            </a:r>
          </a:p>
        </p:txBody>
      </p:sp>
      <p:sp>
        <p:nvSpPr>
          <p:cNvPr id="28" name="Dikdörtgen 27">
            <a:extLst>
              <a:ext uri="{FF2B5EF4-FFF2-40B4-BE49-F238E27FC236}">
                <a16:creationId xmlns:a16="http://schemas.microsoft.com/office/drawing/2014/main" id="{EB1CB3D4-41C1-3B4F-BD77-DA0599435632}"/>
              </a:ext>
            </a:extLst>
          </p:cNvPr>
          <p:cNvSpPr/>
          <p:nvPr/>
        </p:nvSpPr>
        <p:spPr>
          <a:xfrm>
            <a:off x="11896837" y="287253"/>
            <a:ext cx="3959918" cy="949231"/>
          </a:xfrm>
          <a:prstGeom prst="rect">
            <a:avLst/>
          </a:prstGeom>
          <a:solidFill>
            <a:srgbClr val="F68F8B"/>
          </a:solidFill>
          <a:ln w="12700" cap="flat" cmpd="sng" algn="ctr">
            <a:solidFill>
              <a:srgbClr val="5B9BD5">
                <a:shade val="50000"/>
              </a:srgbClr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Güzel ahlaklı</a:t>
            </a:r>
          </a:p>
        </p:txBody>
      </p:sp>
      <p:sp>
        <p:nvSpPr>
          <p:cNvPr id="29" name="Bükülü Ok 36">
            <a:extLst>
              <a:ext uri="{FF2B5EF4-FFF2-40B4-BE49-F238E27FC236}">
                <a16:creationId xmlns:a16="http://schemas.microsoft.com/office/drawing/2014/main" id="{10BEF5A4-3AAA-8191-E1F4-7840E16E3C50}"/>
              </a:ext>
            </a:extLst>
          </p:cNvPr>
          <p:cNvSpPr/>
          <p:nvPr/>
        </p:nvSpPr>
        <p:spPr>
          <a:xfrm rot="5400000">
            <a:off x="15768661" y="840876"/>
            <a:ext cx="1326703" cy="968774"/>
          </a:xfrm>
          <a:prstGeom prst="bentArrow">
            <a:avLst>
              <a:gd name="adj1" fmla="val 25000"/>
              <a:gd name="adj2" fmla="val 25000"/>
              <a:gd name="adj3" fmla="val 25000"/>
              <a:gd name="adj4" fmla="val 18415"/>
            </a:avLst>
          </a:prstGeom>
          <a:solidFill>
            <a:srgbClr val="F57921"/>
          </a:solidFill>
          <a:ln w="12700" cap="flat" cmpd="sng" algn="ctr">
            <a:solidFill>
              <a:srgbClr val="F47C2E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0" name="Bükülü Ok 37">
            <a:extLst>
              <a:ext uri="{FF2B5EF4-FFF2-40B4-BE49-F238E27FC236}">
                <a16:creationId xmlns:a16="http://schemas.microsoft.com/office/drawing/2014/main" id="{CB7A3F73-9767-6C7D-A5AC-8C6484C74696}"/>
              </a:ext>
            </a:extLst>
          </p:cNvPr>
          <p:cNvSpPr/>
          <p:nvPr/>
        </p:nvSpPr>
        <p:spPr>
          <a:xfrm rot="5400000" flipV="1">
            <a:off x="10398570" y="922238"/>
            <a:ext cx="1605527" cy="1008801"/>
          </a:xfrm>
          <a:prstGeom prst="bentArrow">
            <a:avLst>
              <a:gd name="adj1" fmla="val 25000"/>
              <a:gd name="adj2" fmla="val 25000"/>
              <a:gd name="adj3" fmla="val 25000"/>
              <a:gd name="adj4" fmla="val 17082"/>
            </a:avLst>
          </a:prstGeom>
          <a:solidFill>
            <a:srgbClr val="F57921"/>
          </a:solidFill>
          <a:ln w="12700" cap="flat" cmpd="sng" algn="ctr">
            <a:solidFill>
              <a:srgbClr val="F47C2E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1" name="Sağ Ok 40">
            <a:extLst>
              <a:ext uri="{FF2B5EF4-FFF2-40B4-BE49-F238E27FC236}">
                <a16:creationId xmlns:a16="http://schemas.microsoft.com/office/drawing/2014/main" id="{F9103082-31AB-AEC3-599A-D879C29B4FBA}"/>
              </a:ext>
            </a:extLst>
          </p:cNvPr>
          <p:cNvSpPr/>
          <p:nvPr/>
        </p:nvSpPr>
        <p:spPr>
          <a:xfrm rot="16200000">
            <a:off x="15662602" y="8256667"/>
            <a:ext cx="570047" cy="815402"/>
          </a:xfrm>
          <a:prstGeom prst="rightArrow">
            <a:avLst/>
          </a:prstGeom>
          <a:solidFill>
            <a:srgbClr val="F57921"/>
          </a:solidFill>
          <a:ln w="12700" cap="flat" cmpd="sng" algn="ctr">
            <a:noFill/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2" name="Dikdörtgen 31">
            <a:extLst>
              <a:ext uri="{FF2B5EF4-FFF2-40B4-BE49-F238E27FC236}">
                <a16:creationId xmlns:a16="http://schemas.microsoft.com/office/drawing/2014/main" id="{0DB71C36-BB09-DD68-224D-69943CBA323D}"/>
              </a:ext>
            </a:extLst>
          </p:cNvPr>
          <p:cNvSpPr/>
          <p:nvPr/>
        </p:nvSpPr>
        <p:spPr>
          <a:xfrm>
            <a:off x="3741705" y="9054802"/>
            <a:ext cx="4749566" cy="798286"/>
          </a:xfrm>
          <a:prstGeom prst="rect">
            <a:avLst/>
          </a:prstGeom>
          <a:solidFill>
            <a:srgbClr val="F68F8B"/>
          </a:solidFill>
          <a:ln w="12700" cap="flat" cmpd="sng" algn="ctr">
            <a:solidFill>
              <a:srgbClr val="ED7D31"/>
            </a:solidFill>
            <a:prstDash val="solid"/>
            <a:miter lim="800000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kelimeleri yerleştirelim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437706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25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750"/>
                            </p:stCondLst>
                            <p:childTnLst>
                              <p:par>
                                <p:cTn id="1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25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75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25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3750"/>
                            </p:stCondLst>
                            <p:childTnLst>
                              <p:par>
                                <p:cTn id="3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4250"/>
                            </p:stCondLst>
                            <p:childTnLst>
                              <p:par>
                                <p:cTn id="37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4750"/>
                            </p:stCondLst>
                            <p:childTnLst>
                              <p:par>
                                <p:cTn id="4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250"/>
                            </p:stCondLst>
                            <p:childTnLst>
                              <p:par>
                                <p:cTn id="4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48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9" fill="hold">
                      <p:stCondLst>
                        <p:cond delay="0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3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rrow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54" presetID="22" presetClass="exit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5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rrow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63" presetID="22" presetClass="exit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6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seq concurrent="1" nextAc="seek">
              <p:cTn id="66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7" fill="hold">
                      <p:stCondLst>
                        <p:cond delay="0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rrow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72" presetID="22" presetClass="exit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7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75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6" fill="hold">
                      <p:stCondLst>
                        <p:cond delay="0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rrow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81" presetID="22" presetClass="exit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8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84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5" fill="hold">
                      <p:stCondLst>
                        <p:cond delay="0"/>
                      </p:stCondLst>
                      <p:childTnLst>
                        <p:par>
                          <p:cTn id="86" fill="hold">
                            <p:stCondLst>
                              <p:cond delay="0"/>
                            </p:stCondLst>
                            <p:childTnLst>
                              <p:par>
                                <p:cTn id="8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8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rrow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90" presetID="22" presetClass="exit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9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93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4" fill="hold">
                      <p:stCondLst>
                        <p:cond delay="0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9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rrow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99" presetID="22" presetClass="exit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100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0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3" fill="hold">
                      <p:stCondLst>
                        <p:cond delay="0"/>
                      </p:stCondLst>
                      <p:childTnLst>
                        <p:par>
                          <p:cTn id="104" fill="hold">
                            <p:stCondLst>
                              <p:cond delay="0"/>
                            </p:stCondLst>
                            <p:childTnLst>
                              <p:par>
                                <p:cTn id="10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rrow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108" presetID="22" presetClass="exit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10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111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2" fill="hold">
                      <p:stCondLst>
                        <p:cond delay="0"/>
                      </p:stCondLst>
                      <p:childTnLst>
                        <p:par>
                          <p:cTn id="113" fill="hold">
                            <p:stCondLst>
                              <p:cond delay="0"/>
                            </p:stCondLst>
                            <p:childTnLst>
                              <p:par>
                                <p:cTn id="1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rrow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17" fill="hold">
                            <p:stCondLst>
                              <p:cond delay="500"/>
                            </p:stCondLst>
                            <p:childTnLst>
                              <p:par>
                                <p:cTn id="118" presetID="22" presetClass="exit" presetSubtype="2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119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  <p:seq concurrent="1" nextAc="seek">
              <p:cTn id="121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2" fill="hold">
                      <p:stCondLst>
                        <p:cond delay="0"/>
                      </p:stCondLst>
                      <p:childTnLst>
                        <p:par>
                          <p:cTn id="123" fill="hold">
                            <p:stCondLst>
                              <p:cond delay="0"/>
                            </p:stCondLst>
                            <p:childTnLst>
                              <p:par>
                                <p:cTn id="12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2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rrow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27" fill="hold">
                            <p:stCondLst>
                              <p:cond delay="500"/>
                            </p:stCondLst>
                            <p:childTnLst>
                              <p:par>
                                <p:cTn id="128" presetID="22" presetClass="exit" presetSubtype="2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12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8" grpId="0" animBg="1"/>
      <p:bldP spid="9" grpId="0" animBg="1"/>
      <p:bldP spid="10" grpId="0" animBg="1"/>
      <p:bldP spid="11" grpId="0" animBg="1"/>
      <p:bldP spid="12" grpId="0" animBg="1"/>
      <p:bldP spid="13" grpId="0" animBg="1"/>
      <p:bldP spid="14" grpId="0" animBg="1"/>
      <p:bldP spid="15" grpId="0" animBg="1"/>
      <p:bldP spid="16" grpId="0" animBg="1"/>
      <p:bldP spid="16" grpId="1" animBg="1"/>
      <p:bldP spid="17" grpId="0" animBg="1"/>
      <p:bldP spid="17" grpId="1" animBg="1"/>
      <p:bldP spid="18" grpId="0" animBg="1"/>
      <p:bldP spid="18" grpId="1" animBg="1"/>
      <p:bldP spid="19" grpId="0" animBg="1"/>
      <p:bldP spid="19" grpId="1" animBg="1"/>
      <p:bldP spid="20" grpId="0" animBg="1"/>
      <p:bldP spid="20" grpId="1" animBg="1"/>
      <p:bldP spid="21" grpId="0" animBg="1"/>
      <p:bldP spid="21" grpId="1" animBg="1"/>
      <p:bldP spid="22" grpId="0" animBg="1"/>
      <p:bldP spid="22" grpId="1" animBg="1"/>
      <p:bldP spid="23" grpId="0" animBg="1"/>
      <p:bldP spid="23" grpId="1" animBg="1"/>
      <p:bldP spid="24" grpId="0" animBg="1"/>
      <p:bldP spid="24" grpId="1" animBg="1"/>
      <p:bldP spid="32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ACEC6486-6006-A760-9C52-38370BB8454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>
            <a:extLst>
              <a:ext uri="{FF2B5EF4-FFF2-40B4-BE49-F238E27FC236}">
                <a16:creationId xmlns:a16="http://schemas.microsoft.com/office/drawing/2014/main" id="{0ACF565E-070C-E479-B1B9-6C7C6667A300}"/>
              </a:ext>
            </a:extLst>
          </p:cNvPr>
          <p:cNvGrpSpPr/>
          <p:nvPr/>
        </p:nvGrpSpPr>
        <p:grpSpPr>
          <a:xfrm>
            <a:off x="4364183" y="2612379"/>
            <a:ext cx="9660576" cy="4735314"/>
            <a:chOff x="0" y="0"/>
            <a:chExt cx="2167467" cy="1059184"/>
          </a:xfrm>
        </p:grpSpPr>
        <p:sp>
          <p:nvSpPr>
            <p:cNvPr id="3" name="Freeform 3">
              <a:extLst>
                <a:ext uri="{FF2B5EF4-FFF2-40B4-BE49-F238E27FC236}">
                  <a16:creationId xmlns:a16="http://schemas.microsoft.com/office/drawing/2014/main" id="{88AF996E-008E-5B8B-FE80-475BC5C7BE84}"/>
                </a:ext>
              </a:extLst>
            </p:cNvPr>
            <p:cNvSpPr/>
            <p:nvPr/>
          </p:nvSpPr>
          <p:spPr>
            <a:xfrm>
              <a:off x="0" y="0"/>
              <a:ext cx="2167467" cy="1059184"/>
            </a:xfrm>
            <a:custGeom>
              <a:avLst/>
              <a:gdLst/>
              <a:ahLst/>
              <a:cxnLst/>
              <a:rect l="l" t="t" r="r" b="b"/>
              <a:pathLst>
                <a:path w="2167467" h="1059184">
                  <a:moveTo>
                    <a:pt x="47978" y="0"/>
                  </a:moveTo>
                  <a:lnTo>
                    <a:pt x="2119489" y="0"/>
                  </a:lnTo>
                  <a:cubicBezTo>
                    <a:pt x="2145986" y="0"/>
                    <a:pt x="2167467" y="21480"/>
                    <a:pt x="2167467" y="47978"/>
                  </a:cubicBezTo>
                  <a:lnTo>
                    <a:pt x="2167467" y="1011206"/>
                  </a:lnTo>
                  <a:cubicBezTo>
                    <a:pt x="2167467" y="1037704"/>
                    <a:pt x="2145986" y="1059184"/>
                    <a:pt x="2119489" y="1059184"/>
                  </a:cubicBezTo>
                  <a:lnTo>
                    <a:pt x="47978" y="1059184"/>
                  </a:lnTo>
                  <a:cubicBezTo>
                    <a:pt x="21480" y="1059184"/>
                    <a:pt x="0" y="1037704"/>
                    <a:pt x="0" y="1011206"/>
                  </a:cubicBezTo>
                  <a:lnTo>
                    <a:pt x="0" y="47978"/>
                  </a:lnTo>
                  <a:cubicBezTo>
                    <a:pt x="0" y="21480"/>
                    <a:pt x="21480" y="0"/>
                    <a:pt x="47978" y="0"/>
                  </a:cubicBezTo>
                  <a:close/>
                </a:path>
              </a:pathLst>
            </a:custGeom>
            <a:solidFill>
              <a:srgbClr val="EFE8E2"/>
            </a:solidFill>
            <a:ln w="19050" cap="rnd">
              <a:solidFill>
                <a:srgbClr val="000000"/>
              </a:solidFill>
              <a:prstDash val="solid"/>
              <a:round/>
            </a:ln>
          </p:spPr>
          <p:txBody>
            <a:bodyPr/>
            <a:lstStyle/>
            <a:p>
              <a:pPr marL="0" marR="0" lvl="0" indent="0" algn="l" defTabSz="13716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27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endParaRPr>
            </a:p>
          </p:txBody>
        </p:sp>
        <p:sp>
          <p:nvSpPr>
            <p:cNvPr id="4" name="TextBox 4">
              <a:extLst>
                <a:ext uri="{FF2B5EF4-FFF2-40B4-BE49-F238E27FC236}">
                  <a16:creationId xmlns:a16="http://schemas.microsoft.com/office/drawing/2014/main" id="{C694CB0F-076E-DC99-2DB9-4DDBFC3A334C}"/>
                </a:ext>
              </a:extLst>
            </p:cNvPr>
            <p:cNvSpPr txBox="1"/>
            <p:nvPr/>
          </p:nvSpPr>
          <p:spPr>
            <a:xfrm>
              <a:off x="0" y="-47625"/>
              <a:ext cx="2167467" cy="1106809"/>
            </a:xfrm>
            <a:prstGeom prst="rect">
              <a:avLst/>
            </a:prstGeom>
          </p:spPr>
          <p:txBody>
            <a:bodyPr lIns="50801" tIns="50801" rIns="50801" bIns="50801" rtlCol="0" anchor="ctr"/>
            <a:lstStyle/>
            <a:p>
              <a:pPr marL="0" marR="0" lvl="0" indent="0" algn="ctr" defTabSz="914445" rtl="0" eaLnBrk="1" fontAlgn="auto" latinLnBrk="0" hangingPunct="1">
                <a:lnSpc>
                  <a:spcPts val="3359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sz="18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19" name="TextBox 19">
            <a:extLst>
              <a:ext uri="{FF2B5EF4-FFF2-40B4-BE49-F238E27FC236}">
                <a16:creationId xmlns:a16="http://schemas.microsoft.com/office/drawing/2014/main" id="{04B12AF9-361D-B578-52FD-350995130A4A}"/>
              </a:ext>
            </a:extLst>
          </p:cNvPr>
          <p:cNvSpPr txBox="1"/>
          <p:nvPr/>
        </p:nvSpPr>
        <p:spPr>
          <a:xfrm>
            <a:off x="6318937" y="3509633"/>
            <a:ext cx="5650130" cy="84035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ctr" defTabSz="914445" rtl="0" eaLnBrk="1" fontAlgn="auto" latinLnBrk="0" hangingPunct="1">
              <a:lnSpc>
                <a:spcPts val="6272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0" i="0" u="none" strike="noStrike" kern="1200" cap="none" spc="-63" normalizeH="0" baseline="0" noProof="0" dirty="0">
                <a:ln>
                  <a:noFill/>
                </a:ln>
                <a:solidFill>
                  <a:srgbClr val="020519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Etkinlik Zamanı</a:t>
            </a:r>
            <a:endParaRPr kumimoji="0" lang="en-US" sz="6600" b="0" i="0" u="none" strike="noStrike" kern="1200" cap="none" spc="-63" normalizeH="0" baseline="0" noProof="0" dirty="0">
              <a:ln>
                <a:noFill/>
              </a:ln>
              <a:solidFill>
                <a:srgbClr val="020519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24" name="Dikdörtgen: Köşeleri Yuvarlatılmış 23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4F7F7340-B781-B5A6-87AB-B66C9F29762E}"/>
              </a:ext>
            </a:extLst>
          </p:cNvPr>
          <p:cNvSpPr/>
          <p:nvPr/>
        </p:nvSpPr>
        <p:spPr>
          <a:xfrm>
            <a:off x="5979859" y="5465103"/>
            <a:ext cx="6328286" cy="1215816"/>
          </a:xfrm>
          <a:prstGeom prst="roundRect">
            <a:avLst>
              <a:gd name="adj" fmla="val 25093"/>
            </a:avLst>
          </a:prstGeom>
          <a:solidFill>
            <a:srgbClr val="F1EFA4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Etkinlik için tıklayınız.</a:t>
            </a:r>
          </a:p>
        </p:txBody>
      </p:sp>
      <p:pic>
        <p:nvPicPr>
          <p:cNvPr id="17" name="Picture 17">
            <a:extLst>
              <a:ext uri="{FF2B5EF4-FFF2-40B4-BE49-F238E27FC236}">
                <a16:creationId xmlns:a16="http://schemas.microsoft.com/office/drawing/2014/main" id="{B7CEFB20-3664-D095-2ECA-76103D2365AD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9980327" y="4978364"/>
            <a:ext cx="2344368" cy="5860922"/>
          </a:xfrm>
          <a:prstGeom prst="rect">
            <a:avLst/>
          </a:prstGeom>
        </p:spPr>
      </p:pic>
      <p:pic>
        <p:nvPicPr>
          <p:cNvPr id="5" name="Resim 4">
            <a:extLst>
              <a:ext uri="{FF2B5EF4-FFF2-40B4-BE49-F238E27FC236}">
                <a16:creationId xmlns:a16="http://schemas.microsoft.com/office/drawing/2014/main" id="{B42E3C11-89FF-0AC4-9F74-5EAA325AAE2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224778" y="532685"/>
            <a:ext cx="1807146" cy="1750106"/>
          </a:xfrm>
          <a:prstGeom prst="rect">
            <a:avLst/>
          </a:prstGeom>
        </p:spPr>
      </p:pic>
      <p:sp>
        <p:nvSpPr>
          <p:cNvPr id="6" name="Metin kutusu 5">
            <a:extLst>
              <a:ext uri="{FF2B5EF4-FFF2-40B4-BE49-F238E27FC236}">
                <a16:creationId xmlns:a16="http://schemas.microsoft.com/office/drawing/2014/main" id="{D99195A8-AE00-9249-3848-0B9BB3AFA64E}"/>
              </a:ext>
            </a:extLst>
          </p:cNvPr>
          <p:cNvSpPr txBox="1"/>
          <p:nvPr/>
        </p:nvSpPr>
        <p:spPr>
          <a:xfrm>
            <a:off x="10051580" y="922988"/>
            <a:ext cx="8236421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700" b="1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Not</a:t>
            </a:r>
            <a:r>
              <a:rPr kumimoji="0" lang="tr-TR" sz="27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: Etkinlikler online (internet ile ) çalışıyor. Akıllı  </a:t>
            </a:r>
          </a:p>
          <a:p>
            <a:pPr marL="0" marR="0" lvl="0" indent="0" algn="l" defTabSz="13716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27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110004020202020204"/>
                <a:ea typeface="+mn-ea"/>
                <a:cs typeface="+mn-cs"/>
              </a:rPr>
              <a:t>            tahtalarda internet yoksa bu etkinlik çalışmaz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0621840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Resim 2">
            <a:extLst>
              <a:ext uri="{FF2B5EF4-FFF2-40B4-BE49-F238E27FC236}">
                <a16:creationId xmlns:a16="http://schemas.microsoft.com/office/drawing/2014/main" id="{B946D6F8-3781-0B32-0850-D18D233E8C41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8288000" cy="10287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0346230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20000"/>
            <a:lumOff val="8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Freeform 3">
            <a:extLst>
              <a:ext uri="{FF2B5EF4-FFF2-40B4-BE49-F238E27FC236}">
                <a16:creationId xmlns:a16="http://schemas.microsoft.com/office/drawing/2014/main" id="{D98E68EE-21CC-A269-FDD7-77E0D2A2A57F}"/>
              </a:ext>
            </a:extLst>
          </p:cNvPr>
          <p:cNvSpPr/>
          <p:nvPr/>
        </p:nvSpPr>
        <p:spPr>
          <a:xfrm>
            <a:off x="307488" y="565971"/>
            <a:ext cx="16532712" cy="128291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40" name="Grup 39">
            <a:extLst>
              <a:ext uri="{FF2B5EF4-FFF2-40B4-BE49-F238E27FC236}">
                <a16:creationId xmlns:a16="http://schemas.microsoft.com/office/drawing/2014/main" id="{19C1912C-6890-A115-832C-0F3C442F9F12}"/>
              </a:ext>
            </a:extLst>
          </p:cNvPr>
          <p:cNvGrpSpPr/>
          <p:nvPr/>
        </p:nvGrpSpPr>
        <p:grpSpPr>
          <a:xfrm>
            <a:off x="307487" y="219770"/>
            <a:ext cx="606727" cy="692401"/>
            <a:chOff x="0" y="1838262"/>
            <a:chExt cx="744869" cy="723435"/>
          </a:xfrm>
        </p:grpSpPr>
        <p:sp>
          <p:nvSpPr>
            <p:cNvPr id="41" name="Freeform 8">
              <a:extLst>
                <a:ext uri="{FF2B5EF4-FFF2-40B4-BE49-F238E27FC236}">
                  <a16:creationId xmlns:a16="http://schemas.microsoft.com/office/drawing/2014/main" id="{35091F1A-8535-EB76-52A8-27F8AC69F4E0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42" name="TextBox 49">
              <a:extLst>
                <a:ext uri="{FF2B5EF4-FFF2-40B4-BE49-F238E27FC236}">
                  <a16:creationId xmlns:a16="http://schemas.microsoft.com/office/drawing/2014/main" id="{7794E0DA-7386-BC25-DC77-B8DDF665CA3B}"/>
                </a:ext>
              </a:extLst>
            </p:cNvPr>
            <p:cNvSpPr txBox="1"/>
            <p:nvPr/>
          </p:nvSpPr>
          <p:spPr>
            <a:xfrm>
              <a:off x="204319" y="2039749"/>
              <a:ext cx="331650" cy="45301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3118"/>
                </a:lnSpc>
                <a:spcBef>
                  <a:spcPct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1</a:t>
              </a:r>
            </a:p>
          </p:txBody>
        </p:sp>
      </p:grpSp>
      <p:sp>
        <p:nvSpPr>
          <p:cNvPr id="44" name="Dikdörtgen: Köşeleri Yuvarlatılmış 43">
            <a:extLst>
              <a:ext uri="{FF2B5EF4-FFF2-40B4-BE49-F238E27FC236}">
                <a16:creationId xmlns:a16="http://schemas.microsoft.com/office/drawing/2014/main" id="{018306E6-9BFF-D7C8-3653-B298C54C8372}"/>
              </a:ext>
            </a:extLst>
          </p:cNvPr>
          <p:cNvSpPr/>
          <p:nvPr/>
        </p:nvSpPr>
        <p:spPr>
          <a:xfrm>
            <a:off x="910484" y="734947"/>
            <a:ext cx="13549758" cy="94496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Adalet, merhamet ve yardımseverlik gibi değerler, güzel ahlakın bir parçasıdır.</a:t>
            </a: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srgbClr val="2D255D"/>
              </a:solidFill>
              <a:effectLst/>
              <a:uLnTx/>
              <a:uFillTx/>
              <a:latin typeface="Aptos" panose="020B0004020202020204" pitchFamily="34" charset="0"/>
              <a:ea typeface="Aptos" panose="020B00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7" name="D">
            <a:extLst>
              <a:ext uri="{FF2B5EF4-FFF2-40B4-BE49-F238E27FC236}">
                <a16:creationId xmlns:a16="http://schemas.microsoft.com/office/drawing/2014/main" id="{E0430824-D1B6-7CCA-EE9E-CCA68E90805C}"/>
              </a:ext>
            </a:extLst>
          </p:cNvPr>
          <p:cNvSpPr/>
          <p:nvPr/>
        </p:nvSpPr>
        <p:spPr>
          <a:xfrm>
            <a:off x="14630400" y="703430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18" name="Y">
            <a:extLst>
              <a:ext uri="{FF2B5EF4-FFF2-40B4-BE49-F238E27FC236}">
                <a16:creationId xmlns:a16="http://schemas.microsoft.com/office/drawing/2014/main" id="{E55A7E35-F9FB-0DB8-0868-233C37231541}"/>
              </a:ext>
            </a:extLst>
          </p:cNvPr>
          <p:cNvSpPr/>
          <p:nvPr/>
        </p:nvSpPr>
        <p:spPr>
          <a:xfrm>
            <a:off x="15727478" y="703430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grpSp>
        <p:nvGrpSpPr>
          <p:cNvPr id="82" name="Grup 81">
            <a:extLst>
              <a:ext uri="{FF2B5EF4-FFF2-40B4-BE49-F238E27FC236}">
                <a16:creationId xmlns:a16="http://schemas.microsoft.com/office/drawing/2014/main" id="{8C275722-B7A6-E7F1-4051-31314497618D}"/>
              </a:ext>
            </a:extLst>
          </p:cNvPr>
          <p:cNvGrpSpPr/>
          <p:nvPr/>
        </p:nvGrpSpPr>
        <p:grpSpPr>
          <a:xfrm>
            <a:off x="5566796" y="-144243"/>
            <a:ext cx="7525149" cy="646331"/>
            <a:chOff x="3030830" y="-93490"/>
            <a:chExt cx="7525149" cy="646331"/>
          </a:xfrm>
        </p:grpSpPr>
        <p:sp>
          <p:nvSpPr>
            <p:cNvPr id="80" name="Metin kutusu 79">
              <a:extLst>
                <a:ext uri="{FF2B5EF4-FFF2-40B4-BE49-F238E27FC236}">
                  <a16:creationId xmlns:a16="http://schemas.microsoft.com/office/drawing/2014/main" id="{380E1C00-1B2C-258F-EC38-DE2A55CADA83}"/>
                </a:ext>
              </a:extLst>
            </p:cNvPr>
            <p:cNvSpPr txBox="1"/>
            <p:nvPr/>
          </p:nvSpPr>
          <p:spPr>
            <a:xfrm>
              <a:off x="3030830" y="-93490"/>
              <a:ext cx="7525149" cy="646331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oğru ve yanlış etkinliğini yapalım.</a:t>
              </a:r>
            </a:p>
          </p:txBody>
        </p:sp>
        <p:sp>
          <p:nvSpPr>
            <p:cNvPr id="81" name="Freeform 35">
              <a:extLst>
                <a:ext uri="{FF2B5EF4-FFF2-40B4-BE49-F238E27FC236}">
                  <a16:creationId xmlns:a16="http://schemas.microsoft.com/office/drawing/2014/main" id="{DD13B00E-75DD-C29F-3FBD-2487F9755505}"/>
                </a:ext>
              </a:extLst>
            </p:cNvPr>
            <p:cNvSpPr/>
            <p:nvPr/>
          </p:nvSpPr>
          <p:spPr>
            <a:xfrm rot="20444029">
              <a:off x="9555393" y="38666"/>
              <a:ext cx="457423" cy="391369"/>
            </a:xfrm>
            <a:custGeom>
              <a:avLst/>
              <a:gdLst/>
              <a:ahLst/>
              <a:cxnLst/>
              <a:rect l="l" t="t" r="r" b="b"/>
              <a:pathLst>
                <a:path w="808968" h="808968">
                  <a:moveTo>
                    <a:pt x="0" y="0"/>
                  </a:moveTo>
                  <a:lnTo>
                    <a:pt x="808968" y="0"/>
                  </a:lnTo>
                  <a:lnTo>
                    <a:pt x="808968" y="808968"/>
                  </a:lnTo>
                  <a:lnTo>
                    <a:pt x="0" y="808968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8">
                <a:extLst>
                  <a:ext uri="{96DAC541-7B7A-43D3-8B79-37D633B846F1}">
                    <asvg:svgBlip xmlns:asvg="http://schemas.microsoft.com/office/drawing/2016/SVG/main" r:embed="rId9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123" name="X">
            <a:extLst>
              <a:ext uri="{FF2B5EF4-FFF2-40B4-BE49-F238E27FC236}">
                <a16:creationId xmlns:a16="http://schemas.microsoft.com/office/drawing/2014/main" id="{41F27E60-2574-AD27-718E-B67ED17E3FB3}"/>
              </a:ext>
            </a:extLst>
          </p:cNvPr>
          <p:cNvSpPr/>
          <p:nvPr/>
        </p:nvSpPr>
        <p:spPr>
          <a:xfrm>
            <a:off x="16901650" y="701359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24" name="Onay">
            <a:extLst>
              <a:ext uri="{FF2B5EF4-FFF2-40B4-BE49-F238E27FC236}">
                <a16:creationId xmlns:a16="http://schemas.microsoft.com/office/drawing/2014/main" id="{2A9C7B32-3F05-9B93-FF70-F37525629A1B}"/>
              </a:ext>
            </a:extLst>
          </p:cNvPr>
          <p:cNvSpPr/>
          <p:nvPr/>
        </p:nvSpPr>
        <p:spPr>
          <a:xfrm>
            <a:off x="16841944" y="396995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138" name="Grup 137">
            <a:extLst>
              <a:ext uri="{FF2B5EF4-FFF2-40B4-BE49-F238E27FC236}">
                <a16:creationId xmlns:a16="http://schemas.microsoft.com/office/drawing/2014/main" id="{3C1247A9-1407-3025-E7B4-9B7876D47E08}"/>
              </a:ext>
            </a:extLst>
          </p:cNvPr>
          <p:cNvGrpSpPr/>
          <p:nvPr/>
        </p:nvGrpSpPr>
        <p:grpSpPr>
          <a:xfrm>
            <a:off x="307487" y="2153253"/>
            <a:ext cx="16532713" cy="1629119"/>
            <a:chOff x="307487" y="219770"/>
            <a:chExt cx="16532713" cy="1629119"/>
          </a:xfrm>
        </p:grpSpPr>
        <p:sp>
          <p:nvSpPr>
            <p:cNvPr id="139" name="Freeform 3">
              <a:extLst>
                <a:ext uri="{FF2B5EF4-FFF2-40B4-BE49-F238E27FC236}">
                  <a16:creationId xmlns:a16="http://schemas.microsoft.com/office/drawing/2014/main" id="{EB8C0879-E68A-C83D-A64B-98A6AE02D5BD}"/>
                </a:ext>
              </a:extLst>
            </p:cNvPr>
            <p:cNvSpPr/>
            <p:nvPr/>
          </p:nvSpPr>
          <p:spPr>
            <a:xfrm>
              <a:off x="307488" y="565971"/>
              <a:ext cx="16532712" cy="1282918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  <a:ln>
              <a:solidFill>
                <a:srgbClr val="004481"/>
              </a:solidFill>
            </a:ln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140" name="Grup 139">
              <a:extLst>
                <a:ext uri="{FF2B5EF4-FFF2-40B4-BE49-F238E27FC236}">
                  <a16:creationId xmlns:a16="http://schemas.microsoft.com/office/drawing/2014/main" id="{38443618-81F9-C283-71E4-F9D62923533B}"/>
                </a:ext>
              </a:extLst>
            </p:cNvPr>
            <p:cNvGrpSpPr/>
            <p:nvPr/>
          </p:nvGrpSpPr>
          <p:grpSpPr>
            <a:xfrm>
              <a:off x="307487" y="219770"/>
              <a:ext cx="606727" cy="692401"/>
              <a:chOff x="0" y="1838262"/>
              <a:chExt cx="744869" cy="723435"/>
            </a:xfrm>
          </p:grpSpPr>
          <p:sp>
            <p:nvSpPr>
              <p:cNvPr id="142" name="Freeform 8">
                <a:extLst>
                  <a:ext uri="{FF2B5EF4-FFF2-40B4-BE49-F238E27FC236}">
                    <a16:creationId xmlns:a16="http://schemas.microsoft.com/office/drawing/2014/main" id="{C2D8390D-C2C4-17C5-194A-FB7A33B6B099}"/>
                  </a:ext>
                </a:extLst>
              </p:cNvPr>
              <p:cNvSpPr/>
              <p:nvPr/>
            </p:nvSpPr>
            <p:spPr>
              <a:xfrm>
                <a:off x="0" y="183826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6">
                  <a:extLst>
                    <a:ext uri="{96DAC541-7B7A-43D3-8B79-37D633B846F1}">
                      <asvg:svgBlip xmlns:asvg="http://schemas.microsoft.com/office/drawing/2016/SVG/main" r:embed="rId7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marL="0" marR="0" lvl="0" indent="0" algn="l" defTabSz="60963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43" name="TextBox 49">
                <a:extLst>
                  <a:ext uri="{FF2B5EF4-FFF2-40B4-BE49-F238E27FC236}">
                    <a16:creationId xmlns:a16="http://schemas.microsoft.com/office/drawing/2014/main" id="{2EA2044C-9B73-3E07-49FC-0180C0B836DC}"/>
                  </a:ext>
                </a:extLst>
              </p:cNvPr>
              <p:cNvSpPr txBox="1"/>
              <p:nvPr/>
            </p:nvSpPr>
            <p:spPr>
              <a:xfrm>
                <a:off x="204319" y="2039749"/>
                <a:ext cx="331650" cy="453013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marL="0" marR="0" lvl="0" indent="0" algn="ctr" defTabSz="609630" rtl="0" eaLnBrk="1" fontAlgn="auto" latinLnBrk="0" hangingPunct="1">
                  <a:lnSpc>
                    <a:spcPts val="3118"/>
                  </a:lnSpc>
                  <a:spcBef>
                    <a:spcPct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4000" b="0" i="0" u="none" strike="noStrike" kern="1200" cap="none" spc="0" normalizeH="0" baseline="0" noProof="0" dirty="0">
                    <a:ln>
                      <a:noFill/>
                    </a:ln>
                    <a:solidFill>
                      <a:srgbClr val="000000"/>
                    </a:solidFill>
                    <a:effectLst/>
                    <a:uLnTx/>
                    <a:uFillTx/>
                    <a:latin typeface="Calibri"/>
                    <a:ea typeface="+mn-ea"/>
                    <a:cs typeface="+mn-cs"/>
                  </a:rPr>
                  <a:t>2</a:t>
                </a:r>
                <a:endParaRPr kumimoji="0" lang="en-US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41" name="Dikdörtgen: Köşeleri Yuvarlatılmış 140">
              <a:extLst>
                <a:ext uri="{FF2B5EF4-FFF2-40B4-BE49-F238E27FC236}">
                  <a16:creationId xmlns:a16="http://schemas.microsoft.com/office/drawing/2014/main" id="{6C7C2C9E-B106-3952-F138-B871A2EB99C4}"/>
                </a:ext>
              </a:extLst>
            </p:cNvPr>
            <p:cNvSpPr/>
            <p:nvPr/>
          </p:nvSpPr>
          <p:spPr>
            <a:xfrm>
              <a:off x="910484" y="734947"/>
              <a:ext cx="13549758" cy="944966"/>
            </a:xfrm>
            <a:prstGeom prst="round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sv-SE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Din, insanlara sadece ibadet etmeyi </a:t>
              </a: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emreder. </a:t>
              </a:r>
            </a:p>
          </p:txBody>
        </p:sp>
      </p:grpSp>
      <p:sp>
        <p:nvSpPr>
          <p:cNvPr id="144" name="D">
            <a:extLst>
              <a:ext uri="{FF2B5EF4-FFF2-40B4-BE49-F238E27FC236}">
                <a16:creationId xmlns:a16="http://schemas.microsoft.com/office/drawing/2014/main" id="{3D956D6A-8C2F-F0B3-6775-2764B041A275}"/>
              </a:ext>
            </a:extLst>
          </p:cNvPr>
          <p:cNvSpPr/>
          <p:nvPr/>
        </p:nvSpPr>
        <p:spPr>
          <a:xfrm>
            <a:off x="14630400" y="2636913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145" name="Y">
            <a:extLst>
              <a:ext uri="{FF2B5EF4-FFF2-40B4-BE49-F238E27FC236}">
                <a16:creationId xmlns:a16="http://schemas.microsoft.com/office/drawing/2014/main" id="{19080DC9-688B-D19C-6512-5B1224651CB0}"/>
              </a:ext>
            </a:extLst>
          </p:cNvPr>
          <p:cNvSpPr/>
          <p:nvPr/>
        </p:nvSpPr>
        <p:spPr>
          <a:xfrm>
            <a:off x="15727478" y="2636913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149" name="X">
            <a:extLst>
              <a:ext uri="{FF2B5EF4-FFF2-40B4-BE49-F238E27FC236}">
                <a16:creationId xmlns:a16="http://schemas.microsoft.com/office/drawing/2014/main" id="{B7F3A411-EF86-F23B-CEE4-37A3986CB6EC}"/>
              </a:ext>
            </a:extLst>
          </p:cNvPr>
          <p:cNvSpPr/>
          <p:nvPr/>
        </p:nvSpPr>
        <p:spPr>
          <a:xfrm>
            <a:off x="16901650" y="2634842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150" name="Onay">
            <a:extLst>
              <a:ext uri="{FF2B5EF4-FFF2-40B4-BE49-F238E27FC236}">
                <a16:creationId xmlns:a16="http://schemas.microsoft.com/office/drawing/2014/main" id="{0682153D-B6DB-507D-33E6-F94353E0FFB4}"/>
              </a:ext>
            </a:extLst>
          </p:cNvPr>
          <p:cNvSpPr/>
          <p:nvPr/>
        </p:nvSpPr>
        <p:spPr>
          <a:xfrm>
            <a:off x="16841944" y="2330478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14" name="Grup 13">
            <a:extLst>
              <a:ext uri="{FF2B5EF4-FFF2-40B4-BE49-F238E27FC236}">
                <a16:creationId xmlns:a16="http://schemas.microsoft.com/office/drawing/2014/main" id="{B127E479-36B3-BB5B-DCD9-C1C2BA662B28}"/>
              </a:ext>
            </a:extLst>
          </p:cNvPr>
          <p:cNvGrpSpPr/>
          <p:nvPr/>
        </p:nvGrpSpPr>
        <p:grpSpPr>
          <a:xfrm>
            <a:off x="296601" y="8297680"/>
            <a:ext cx="16532713" cy="1629119"/>
            <a:chOff x="307487" y="219770"/>
            <a:chExt cx="16532713" cy="1629119"/>
          </a:xfrm>
        </p:grpSpPr>
        <p:sp>
          <p:nvSpPr>
            <p:cNvPr id="15" name="Freeform 3">
              <a:extLst>
                <a:ext uri="{FF2B5EF4-FFF2-40B4-BE49-F238E27FC236}">
                  <a16:creationId xmlns:a16="http://schemas.microsoft.com/office/drawing/2014/main" id="{2B870243-C54E-514B-5732-C7F6EA14D58C}"/>
                </a:ext>
              </a:extLst>
            </p:cNvPr>
            <p:cNvSpPr/>
            <p:nvPr/>
          </p:nvSpPr>
          <p:spPr>
            <a:xfrm>
              <a:off x="307488" y="565971"/>
              <a:ext cx="16532712" cy="1282918"/>
            </a:xfrm>
            <a:custGeom>
              <a:avLst/>
              <a:gdLst/>
              <a:ahLst/>
              <a:cxnLst/>
              <a:rect l="l" t="t" r="r" b="b"/>
              <a:pathLst>
                <a:path w="1724567" h="1108724">
                  <a:moveTo>
                    <a:pt x="59527" y="0"/>
                  </a:moveTo>
                  <a:lnTo>
                    <a:pt x="1665041" y="0"/>
                  </a:lnTo>
                  <a:cubicBezTo>
                    <a:pt x="1680828" y="0"/>
                    <a:pt x="1695969" y="6272"/>
                    <a:pt x="1707132" y="17435"/>
                  </a:cubicBezTo>
                  <a:cubicBezTo>
                    <a:pt x="1718296" y="28598"/>
                    <a:pt x="1724567" y="43739"/>
                    <a:pt x="1724567" y="59527"/>
                  </a:cubicBezTo>
                  <a:lnTo>
                    <a:pt x="1724567" y="1049198"/>
                  </a:lnTo>
                  <a:cubicBezTo>
                    <a:pt x="1724567" y="1064985"/>
                    <a:pt x="1718296" y="1080126"/>
                    <a:pt x="1707132" y="1091289"/>
                  </a:cubicBezTo>
                  <a:cubicBezTo>
                    <a:pt x="1695969" y="1102453"/>
                    <a:pt x="1680828" y="1108724"/>
                    <a:pt x="1665041" y="1108724"/>
                  </a:cubicBezTo>
                  <a:lnTo>
                    <a:pt x="59527" y="1108724"/>
                  </a:lnTo>
                  <a:cubicBezTo>
                    <a:pt x="43739" y="1108724"/>
                    <a:pt x="28598" y="1102453"/>
                    <a:pt x="17435" y="1091289"/>
                  </a:cubicBezTo>
                  <a:cubicBezTo>
                    <a:pt x="6272" y="1080126"/>
                    <a:pt x="0" y="1064985"/>
                    <a:pt x="0" y="1049198"/>
                  </a:cubicBezTo>
                  <a:lnTo>
                    <a:pt x="0" y="59527"/>
                  </a:lnTo>
                  <a:cubicBezTo>
                    <a:pt x="0" y="43739"/>
                    <a:pt x="6272" y="28598"/>
                    <a:pt x="17435" y="17435"/>
                  </a:cubicBezTo>
                  <a:cubicBezTo>
                    <a:pt x="28598" y="6272"/>
                    <a:pt x="43739" y="0"/>
                    <a:pt x="59527" y="0"/>
                  </a:cubicBezTo>
                  <a:close/>
                </a:path>
              </a:pathLst>
            </a:custGeom>
            <a:solidFill>
              <a:srgbClr val="FFECC2"/>
            </a:solidFill>
            <a:ln>
              <a:solidFill>
                <a:srgbClr val="004481"/>
              </a:solidFill>
            </a:ln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grpSp>
          <p:nvGrpSpPr>
            <p:cNvPr id="16" name="Grup 15">
              <a:extLst>
                <a:ext uri="{FF2B5EF4-FFF2-40B4-BE49-F238E27FC236}">
                  <a16:creationId xmlns:a16="http://schemas.microsoft.com/office/drawing/2014/main" id="{C9E9B1C0-026D-8A1B-FD24-DD10648DD224}"/>
                </a:ext>
              </a:extLst>
            </p:cNvPr>
            <p:cNvGrpSpPr/>
            <p:nvPr/>
          </p:nvGrpSpPr>
          <p:grpSpPr>
            <a:xfrm>
              <a:off x="307487" y="219770"/>
              <a:ext cx="606727" cy="692401"/>
              <a:chOff x="0" y="1838262"/>
              <a:chExt cx="744869" cy="723435"/>
            </a:xfrm>
          </p:grpSpPr>
          <p:sp>
            <p:nvSpPr>
              <p:cNvPr id="20" name="Freeform 8">
                <a:extLst>
                  <a:ext uri="{FF2B5EF4-FFF2-40B4-BE49-F238E27FC236}">
                    <a16:creationId xmlns:a16="http://schemas.microsoft.com/office/drawing/2014/main" id="{FE7B0410-DF1C-5A92-0671-5750BF416CF7}"/>
                  </a:ext>
                </a:extLst>
              </p:cNvPr>
              <p:cNvSpPr/>
              <p:nvPr/>
            </p:nvSpPr>
            <p:spPr>
              <a:xfrm>
                <a:off x="0" y="1838262"/>
                <a:ext cx="744869" cy="723435"/>
              </a:xfrm>
              <a:custGeom>
                <a:avLst/>
                <a:gdLst/>
                <a:ahLst/>
                <a:cxnLst/>
                <a:rect l="l" t="t" r="r" b="b"/>
                <a:pathLst>
                  <a:path w="723435" h="723435">
                    <a:moveTo>
                      <a:pt x="0" y="0"/>
                    </a:moveTo>
                    <a:lnTo>
                      <a:pt x="723434" y="0"/>
                    </a:lnTo>
                    <a:lnTo>
                      <a:pt x="723434" y="723435"/>
                    </a:lnTo>
                    <a:lnTo>
                      <a:pt x="0" y="723435"/>
                    </a:lnTo>
                    <a:lnTo>
                      <a:pt x="0" y="0"/>
                    </a:lnTo>
                    <a:close/>
                  </a:path>
                </a:pathLst>
              </a:custGeom>
              <a:blipFill>
                <a:blip r:embed="rId6">
                  <a:extLst>
                    <a:ext uri="{96DAC541-7B7A-43D3-8B79-37D633B846F1}">
                      <asvg:svgBlip xmlns:asvg="http://schemas.microsoft.com/office/drawing/2016/SVG/main" r:embed="rId7"/>
                    </a:ext>
                  </a:extLst>
                </a:blip>
                <a:stretch>
                  <a:fillRect/>
                </a:stretch>
              </a:blipFill>
            </p:spPr>
            <p:txBody>
              <a:bodyPr/>
              <a:lstStyle/>
              <a:p>
                <a:pPr marL="0" marR="0" lvl="0" indent="0" algn="l" defTabSz="60963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tr-TR" sz="1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" name="TextBox 49">
                <a:extLst>
                  <a:ext uri="{FF2B5EF4-FFF2-40B4-BE49-F238E27FC236}">
                    <a16:creationId xmlns:a16="http://schemas.microsoft.com/office/drawing/2014/main" id="{ABD658FA-F00C-7458-20E0-390A5CB0CBEA}"/>
                  </a:ext>
                </a:extLst>
              </p:cNvPr>
              <p:cNvSpPr txBox="1"/>
              <p:nvPr/>
            </p:nvSpPr>
            <p:spPr>
              <a:xfrm>
                <a:off x="204319" y="2039749"/>
                <a:ext cx="331650" cy="453013"/>
              </a:xfrm>
              <a:prstGeom prst="rect">
                <a:avLst/>
              </a:prstGeom>
            </p:spPr>
            <p:txBody>
              <a:bodyPr wrap="square" lIns="0" tIns="0" rIns="0" bIns="0" rtlCol="0" anchor="t">
                <a:spAutoFit/>
              </a:bodyPr>
              <a:lstStyle/>
              <a:p>
                <a:pPr marL="0" marR="0" lvl="0" indent="0" algn="ctr" defTabSz="609630" rtl="0" eaLnBrk="1" fontAlgn="auto" latinLnBrk="0" hangingPunct="1">
                  <a:lnSpc>
                    <a:spcPts val="3118"/>
                  </a:lnSpc>
                  <a:spcBef>
                    <a:spcPct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tr-TR" sz="4000" b="0" i="0" u="none" strike="noStrike" kern="1200" cap="none" spc="0" normalizeH="0" baseline="0" noProof="0" dirty="0">
                    <a:ln>
                      <a:noFill/>
                    </a:ln>
                    <a:solidFill>
                      <a:srgbClr val="000000"/>
                    </a:solidFill>
                    <a:effectLst/>
                    <a:uLnTx/>
                    <a:uFillTx/>
                    <a:latin typeface="Calibri"/>
                    <a:ea typeface="+mn-ea"/>
                    <a:cs typeface="+mn-cs"/>
                  </a:rPr>
                  <a:t>5</a:t>
                </a:r>
                <a:endParaRPr kumimoji="0" lang="en-US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sp>
          <p:nvSpPr>
            <p:cNvPr id="19" name="Dikdörtgen: Köşeleri Yuvarlatılmış 18">
              <a:extLst>
                <a:ext uri="{FF2B5EF4-FFF2-40B4-BE49-F238E27FC236}">
                  <a16:creationId xmlns:a16="http://schemas.microsoft.com/office/drawing/2014/main" id="{91720799-51ED-F826-5669-CB3782B01F81}"/>
                </a:ext>
              </a:extLst>
            </p:cNvPr>
            <p:cNvSpPr/>
            <p:nvPr/>
          </p:nvSpPr>
          <p:spPr>
            <a:xfrm>
              <a:off x="910484" y="734947"/>
              <a:ext cx="13549758" cy="944966"/>
            </a:xfrm>
            <a:prstGeom prst="round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36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 Din, insanların güzel ahlak sahibi olması için kurallar koyar.</a:t>
              </a:r>
            </a:p>
          </p:txBody>
        </p:sp>
      </p:grpSp>
      <p:sp>
        <p:nvSpPr>
          <p:cNvPr id="22" name="D">
            <a:extLst>
              <a:ext uri="{FF2B5EF4-FFF2-40B4-BE49-F238E27FC236}">
                <a16:creationId xmlns:a16="http://schemas.microsoft.com/office/drawing/2014/main" id="{407BE1DB-1411-0D89-AAA9-98F79CC75F1F}"/>
              </a:ext>
            </a:extLst>
          </p:cNvPr>
          <p:cNvSpPr/>
          <p:nvPr/>
        </p:nvSpPr>
        <p:spPr>
          <a:xfrm>
            <a:off x="14619514" y="8781340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23" name="Y">
            <a:extLst>
              <a:ext uri="{FF2B5EF4-FFF2-40B4-BE49-F238E27FC236}">
                <a16:creationId xmlns:a16="http://schemas.microsoft.com/office/drawing/2014/main" id="{759806E3-CA87-8A1C-CC9D-69EAAADAB700}"/>
              </a:ext>
            </a:extLst>
          </p:cNvPr>
          <p:cNvSpPr/>
          <p:nvPr/>
        </p:nvSpPr>
        <p:spPr>
          <a:xfrm>
            <a:off x="15716592" y="8781340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24" name="X">
            <a:extLst>
              <a:ext uri="{FF2B5EF4-FFF2-40B4-BE49-F238E27FC236}">
                <a16:creationId xmlns:a16="http://schemas.microsoft.com/office/drawing/2014/main" id="{11EBD5C0-A906-FAC8-717C-5DF7A9526A17}"/>
              </a:ext>
            </a:extLst>
          </p:cNvPr>
          <p:cNvSpPr/>
          <p:nvPr/>
        </p:nvSpPr>
        <p:spPr>
          <a:xfrm>
            <a:off x="16890764" y="8779269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5" name="Onay">
            <a:extLst>
              <a:ext uri="{FF2B5EF4-FFF2-40B4-BE49-F238E27FC236}">
                <a16:creationId xmlns:a16="http://schemas.microsoft.com/office/drawing/2014/main" id="{5BB74A5A-EA76-57F1-2BBD-29F33D8FF8CD}"/>
              </a:ext>
            </a:extLst>
          </p:cNvPr>
          <p:cNvSpPr/>
          <p:nvPr/>
        </p:nvSpPr>
        <p:spPr>
          <a:xfrm>
            <a:off x="16831058" y="8474905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6" name="Freeform 3">
            <a:extLst>
              <a:ext uri="{FF2B5EF4-FFF2-40B4-BE49-F238E27FC236}">
                <a16:creationId xmlns:a16="http://schemas.microsoft.com/office/drawing/2014/main" id="{6A429D6C-2BE9-4B24-5759-1CDB18646A7D}"/>
              </a:ext>
            </a:extLst>
          </p:cNvPr>
          <p:cNvSpPr/>
          <p:nvPr/>
        </p:nvSpPr>
        <p:spPr>
          <a:xfrm>
            <a:off x="274832" y="4581210"/>
            <a:ext cx="16532712" cy="128291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27" name="Grup 26">
            <a:extLst>
              <a:ext uri="{FF2B5EF4-FFF2-40B4-BE49-F238E27FC236}">
                <a16:creationId xmlns:a16="http://schemas.microsoft.com/office/drawing/2014/main" id="{EC412BC2-27E4-6D86-2EA9-2D83CC201CC1}"/>
              </a:ext>
            </a:extLst>
          </p:cNvPr>
          <p:cNvGrpSpPr/>
          <p:nvPr/>
        </p:nvGrpSpPr>
        <p:grpSpPr>
          <a:xfrm>
            <a:off x="274831" y="4235009"/>
            <a:ext cx="606727" cy="692401"/>
            <a:chOff x="0" y="1838262"/>
            <a:chExt cx="744869" cy="723435"/>
          </a:xfrm>
        </p:grpSpPr>
        <p:sp>
          <p:nvSpPr>
            <p:cNvPr id="28" name="Freeform 8">
              <a:extLst>
                <a:ext uri="{FF2B5EF4-FFF2-40B4-BE49-F238E27FC236}">
                  <a16:creationId xmlns:a16="http://schemas.microsoft.com/office/drawing/2014/main" id="{9755CFB9-0E96-E6A1-77D8-0AD4DA39BAB5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" name="TextBox 49">
              <a:extLst>
                <a:ext uri="{FF2B5EF4-FFF2-40B4-BE49-F238E27FC236}">
                  <a16:creationId xmlns:a16="http://schemas.microsoft.com/office/drawing/2014/main" id="{08E4610D-3177-EEAE-4CE1-C436844B9D8D}"/>
                </a:ext>
              </a:extLst>
            </p:cNvPr>
            <p:cNvSpPr txBox="1"/>
            <p:nvPr/>
          </p:nvSpPr>
          <p:spPr>
            <a:xfrm>
              <a:off x="204319" y="2039749"/>
              <a:ext cx="331650" cy="45301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3118"/>
                </a:lnSpc>
                <a:spcBef>
                  <a:spcPct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3</a:t>
              </a:r>
              <a:endParaRPr kumimoji="0" lang="en-US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30" name="Dikdörtgen: Köşeleri Yuvarlatılmış 29">
            <a:extLst>
              <a:ext uri="{FF2B5EF4-FFF2-40B4-BE49-F238E27FC236}">
                <a16:creationId xmlns:a16="http://schemas.microsoft.com/office/drawing/2014/main" id="{0E4BFF40-53E2-D9A8-9290-8FE8D432273C}"/>
              </a:ext>
            </a:extLst>
          </p:cNvPr>
          <p:cNvSpPr/>
          <p:nvPr/>
        </p:nvSpPr>
        <p:spPr>
          <a:xfrm>
            <a:off x="877828" y="4750186"/>
            <a:ext cx="13549758" cy="94496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Güzel ahlaklı olmak, dinimizin bir emri olup ibadet gibi sevap kazandırır.</a:t>
            </a:r>
            <a:endParaRPr kumimoji="0" lang="tr-TR" sz="1800" b="0" i="0" u="none" strike="noStrike" kern="1200" cap="none" spc="0" normalizeH="0" baseline="0" noProof="0" dirty="0">
              <a:ln>
                <a:noFill/>
              </a:ln>
              <a:solidFill>
                <a:srgbClr val="2D255D"/>
              </a:solidFill>
              <a:effectLst/>
              <a:uLnTx/>
              <a:uFillTx/>
              <a:latin typeface="Aptos" panose="020B0004020202020204" pitchFamily="34" charset="0"/>
              <a:ea typeface="Aptos" panose="020B00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1" name="D">
            <a:extLst>
              <a:ext uri="{FF2B5EF4-FFF2-40B4-BE49-F238E27FC236}">
                <a16:creationId xmlns:a16="http://schemas.microsoft.com/office/drawing/2014/main" id="{434D3071-01E2-0177-759A-187F1258F6A5}"/>
              </a:ext>
            </a:extLst>
          </p:cNvPr>
          <p:cNvSpPr/>
          <p:nvPr/>
        </p:nvSpPr>
        <p:spPr>
          <a:xfrm>
            <a:off x="14597744" y="4718669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32" name="Y">
            <a:extLst>
              <a:ext uri="{FF2B5EF4-FFF2-40B4-BE49-F238E27FC236}">
                <a16:creationId xmlns:a16="http://schemas.microsoft.com/office/drawing/2014/main" id="{3B91D227-87A1-BD17-8931-6CA7EDF7638C}"/>
              </a:ext>
            </a:extLst>
          </p:cNvPr>
          <p:cNvSpPr/>
          <p:nvPr/>
        </p:nvSpPr>
        <p:spPr>
          <a:xfrm>
            <a:off x="15694822" y="4718669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33" name="X">
            <a:extLst>
              <a:ext uri="{FF2B5EF4-FFF2-40B4-BE49-F238E27FC236}">
                <a16:creationId xmlns:a16="http://schemas.microsoft.com/office/drawing/2014/main" id="{94DCE2E1-BE59-B674-89E2-462E6395C119}"/>
              </a:ext>
            </a:extLst>
          </p:cNvPr>
          <p:cNvSpPr/>
          <p:nvPr/>
        </p:nvSpPr>
        <p:spPr>
          <a:xfrm>
            <a:off x="16868994" y="4716598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4" name="Onay">
            <a:extLst>
              <a:ext uri="{FF2B5EF4-FFF2-40B4-BE49-F238E27FC236}">
                <a16:creationId xmlns:a16="http://schemas.microsoft.com/office/drawing/2014/main" id="{B57462C3-169D-5B82-9E3D-9ACB8ED32502}"/>
              </a:ext>
            </a:extLst>
          </p:cNvPr>
          <p:cNvSpPr/>
          <p:nvPr/>
        </p:nvSpPr>
        <p:spPr>
          <a:xfrm>
            <a:off x="16809288" y="4412234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35" name="Freeform 3">
            <a:extLst>
              <a:ext uri="{FF2B5EF4-FFF2-40B4-BE49-F238E27FC236}">
                <a16:creationId xmlns:a16="http://schemas.microsoft.com/office/drawing/2014/main" id="{CB1318DD-FD92-3D62-DBB9-D9677E2C64B6}"/>
              </a:ext>
            </a:extLst>
          </p:cNvPr>
          <p:cNvSpPr/>
          <p:nvPr/>
        </p:nvSpPr>
        <p:spPr>
          <a:xfrm>
            <a:off x="274831" y="6636753"/>
            <a:ext cx="16532712" cy="1282918"/>
          </a:xfrm>
          <a:custGeom>
            <a:avLst/>
            <a:gdLst/>
            <a:ahLst/>
            <a:cxnLst/>
            <a:rect l="l" t="t" r="r" b="b"/>
            <a:pathLst>
              <a:path w="1724567" h="1108724">
                <a:moveTo>
                  <a:pt x="59527" y="0"/>
                </a:moveTo>
                <a:lnTo>
                  <a:pt x="1665041" y="0"/>
                </a:lnTo>
                <a:cubicBezTo>
                  <a:pt x="1680828" y="0"/>
                  <a:pt x="1695969" y="6272"/>
                  <a:pt x="1707132" y="17435"/>
                </a:cubicBezTo>
                <a:cubicBezTo>
                  <a:pt x="1718296" y="28598"/>
                  <a:pt x="1724567" y="43739"/>
                  <a:pt x="1724567" y="59527"/>
                </a:cubicBezTo>
                <a:lnTo>
                  <a:pt x="1724567" y="1049198"/>
                </a:lnTo>
                <a:cubicBezTo>
                  <a:pt x="1724567" y="1064985"/>
                  <a:pt x="1718296" y="1080126"/>
                  <a:pt x="1707132" y="1091289"/>
                </a:cubicBezTo>
                <a:cubicBezTo>
                  <a:pt x="1695969" y="1102453"/>
                  <a:pt x="1680828" y="1108724"/>
                  <a:pt x="1665041" y="1108724"/>
                </a:cubicBezTo>
                <a:lnTo>
                  <a:pt x="59527" y="1108724"/>
                </a:lnTo>
                <a:cubicBezTo>
                  <a:pt x="43739" y="1108724"/>
                  <a:pt x="28598" y="1102453"/>
                  <a:pt x="17435" y="1091289"/>
                </a:cubicBezTo>
                <a:cubicBezTo>
                  <a:pt x="6272" y="1080126"/>
                  <a:pt x="0" y="1064985"/>
                  <a:pt x="0" y="1049198"/>
                </a:cubicBezTo>
                <a:lnTo>
                  <a:pt x="0" y="59527"/>
                </a:lnTo>
                <a:cubicBezTo>
                  <a:pt x="0" y="43739"/>
                  <a:pt x="6272" y="28598"/>
                  <a:pt x="17435" y="17435"/>
                </a:cubicBezTo>
                <a:cubicBezTo>
                  <a:pt x="28598" y="6272"/>
                  <a:pt x="43739" y="0"/>
                  <a:pt x="59527" y="0"/>
                </a:cubicBezTo>
                <a:close/>
              </a:path>
            </a:pathLst>
          </a:custGeom>
          <a:solidFill>
            <a:srgbClr val="FFECC2"/>
          </a:solidFill>
          <a:ln>
            <a:solidFill>
              <a:srgbClr val="004481"/>
            </a:solidFill>
          </a:ln>
        </p:spPr>
        <p:txBody>
          <a:bodyPr/>
          <a:lstStyle/>
          <a:p>
            <a:pPr marL="0" marR="0" lvl="0" indent="0" algn="l" defTabSz="60963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grpSp>
        <p:nvGrpSpPr>
          <p:cNvPr id="36" name="Grup 35">
            <a:extLst>
              <a:ext uri="{FF2B5EF4-FFF2-40B4-BE49-F238E27FC236}">
                <a16:creationId xmlns:a16="http://schemas.microsoft.com/office/drawing/2014/main" id="{BC0A2F7D-D97A-40D5-EBC3-CBCA0AD1DA5F}"/>
              </a:ext>
            </a:extLst>
          </p:cNvPr>
          <p:cNvGrpSpPr/>
          <p:nvPr/>
        </p:nvGrpSpPr>
        <p:grpSpPr>
          <a:xfrm>
            <a:off x="274830" y="6290552"/>
            <a:ext cx="606727" cy="692401"/>
            <a:chOff x="0" y="1838262"/>
            <a:chExt cx="744869" cy="723435"/>
          </a:xfrm>
        </p:grpSpPr>
        <p:sp>
          <p:nvSpPr>
            <p:cNvPr id="37" name="Freeform 8">
              <a:extLst>
                <a:ext uri="{FF2B5EF4-FFF2-40B4-BE49-F238E27FC236}">
                  <a16:creationId xmlns:a16="http://schemas.microsoft.com/office/drawing/2014/main" id="{B2A63F1E-69ED-E9A8-8525-E9EA7A0993B6}"/>
                </a:ext>
              </a:extLst>
            </p:cNvPr>
            <p:cNvSpPr/>
            <p:nvPr/>
          </p:nvSpPr>
          <p:spPr>
            <a:xfrm>
              <a:off x="0" y="1838262"/>
              <a:ext cx="744869" cy="723435"/>
            </a:xfrm>
            <a:custGeom>
              <a:avLst/>
              <a:gdLst/>
              <a:ahLst/>
              <a:cxnLst/>
              <a:rect l="l" t="t" r="r" b="b"/>
              <a:pathLst>
                <a:path w="723435" h="723435">
                  <a:moveTo>
                    <a:pt x="0" y="0"/>
                  </a:moveTo>
                  <a:lnTo>
                    <a:pt x="723434" y="0"/>
                  </a:lnTo>
                  <a:lnTo>
                    <a:pt x="723434" y="723435"/>
                  </a:lnTo>
                  <a:lnTo>
                    <a:pt x="0" y="723435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6">
                <a:extLst>
                  <a:ext uri="{96DAC541-7B7A-43D3-8B79-37D633B846F1}">
                    <asvg:svgBlip xmlns:asvg="http://schemas.microsoft.com/office/drawing/2016/SVG/main" r:embed="rId7"/>
                  </a:ext>
                </a:extLst>
              </a:blip>
              <a:stretch>
                <a:fillRect/>
              </a:stretch>
            </a:blipFill>
          </p:spPr>
          <p:txBody>
            <a:bodyPr/>
            <a:lstStyle/>
            <a:p>
              <a:pPr marL="0" marR="0" lvl="0" indent="0" algn="l" defTabSz="60963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tr-TR" sz="1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8" name="TextBox 49">
              <a:extLst>
                <a:ext uri="{FF2B5EF4-FFF2-40B4-BE49-F238E27FC236}">
                  <a16:creationId xmlns:a16="http://schemas.microsoft.com/office/drawing/2014/main" id="{D892CB7E-CCA5-B1A9-6ED6-3C692C8A1BBB}"/>
                </a:ext>
              </a:extLst>
            </p:cNvPr>
            <p:cNvSpPr txBox="1"/>
            <p:nvPr/>
          </p:nvSpPr>
          <p:spPr>
            <a:xfrm>
              <a:off x="204319" y="2039749"/>
              <a:ext cx="331650" cy="453013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marL="0" marR="0" lvl="0" indent="0" algn="ctr" defTabSz="609630" rtl="0" eaLnBrk="1" fontAlgn="auto" latinLnBrk="0" hangingPunct="1">
                <a:lnSpc>
                  <a:spcPts val="3118"/>
                </a:lnSpc>
                <a:spcBef>
                  <a:spcPct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tr-TR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rPr>
                <a:t>4</a:t>
              </a:r>
              <a:endParaRPr kumimoji="0" lang="en-US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43" name="Dikdörtgen: Köşeleri Yuvarlatılmış 42">
            <a:extLst>
              <a:ext uri="{FF2B5EF4-FFF2-40B4-BE49-F238E27FC236}">
                <a16:creationId xmlns:a16="http://schemas.microsoft.com/office/drawing/2014/main" id="{01286474-9B4C-5393-90DA-18B9FA5E50DE}"/>
              </a:ext>
            </a:extLst>
          </p:cNvPr>
          <p:cNvSpPr/>
          <p:nvPr/>
        </p:nvSpPr>
        <p:spPr>
          <a:xfrm>
            <a:off x="877827" y="6805729"/>
            <a:ext cx="13549758" cy="94496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tr-TR" sz="3200" dirty="0">
                <a:solidFill>
                  <a:srgbClr val="2D255D"/>
                </a:solidFill>
                <a:latin typeface="Aptos" panose="020B0004020202020204" pitchFamily="34" charset="0"/>
                <a:ea typeface="Aptos" panose="020B0004020202020204" pitchFamily="34" charset="0"/>
                <a:cs typeface="Arial" panose="020B0604020202020204" pitchFamily="34" charset="0"/>
              </a:rPr>
              <a:t>Güzel ahlaklı bir kişi, eliyle ve diliyle kimseye zarar vermez.</a:t>
            </a:r>
            <a:endParaRPr kumimoji="0" lang="tr-TR" sz="3200" b="0" i="0" u="none" strike="noStrike" kern="1200" cap="none" spc="0" normalizeH="0" baseline="0" noProof="0" dirty="0">
              <a:ln>
                <a:noFill/>
              </a:ln>
              <a:solidFill>
                <a:srgbClr val="2D255D"/>
              </a:solidFill>
              <a:effectLst/>
              <a:uLnTx/>
              <a:uFillTx/>
              <a:latin typeface="Aptos" panose="020B0004020202020204" pitchFamily="34" charset="0"/>
              <a:ea typeface="Aptos" panose="020B00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5" name="D">
            <a:extLst>
              <a:ext uri="{FF2B5EF4-FFF2-40B4-BE49-F238E27FC236}">
                <a16:creationId xmlns:a16="http://schemas.microsoft.com/office/drawing/2014/main" id="{33627320-F07E-5CE4-A713-9119C9A4CC05}"/>
              </a:ext>
            </a:extLst>
          </p:cNvPr>
          <p:cNvSpPr/>
          <p:nvPr/>
        </p:nvSpPr>
        <p:spPr>
          <a:xfrm>
            <a:off x="14597743" y="6774212"/>
            <a:ext cx="1008000" cy="1008000"/>
          </a:xfrm>
          <a:prstGeom prst="ellipse">
            <a:avLst/>
          </a:prstGeom>
          <a:solidFill>
            <a:srgbClr val="00B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D</a:t>
            </a:r>
          </a:p>
        </p:txBody>
      </p:sp>
      <p:sp>
        <p:nvSpPr>
          <p:cNvPr id="46" name="Y">
            <a:extLst>
              <a:ext uri="{FF2B5EF4-FFF2-40B4-BE49-F238E27FC236}">
                <a16:creationId xmlns:a16="http://schemas.microsoft.com/office/drawing/2014/main" id="{03D58105-34FE-76E1-D23A-2BD966FC3F56}"/>
              </a:ext>
            </a:extLst>
          </p:cNvPr>
          <p:cNvSpPr/>
          <p:nvPr/>
        </p:nvSpPr>
        <p:spPr>
          <a:xfrm>
            <a:off x="15694821" y="6774212"/>
            <a:ext cx="1008000" cy="1008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66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scadia Mono" panose="020B0609020000020004" pitchFamily="49" charset="0"/>
                <a:ea typeface="Cascadia Mono" panose="020B0609020000020004" pitchFamily="49" charset="0"/>
                <a:cs typeface="Cascadia Mono" panose="020B0609020000020004" pitchFamily="49" charset="0"/>
              </a:rPr>
              <a:t>Y</a:t>
            </a:r>
          </a:p>
        </p:txBody>
      </p:sp>
      <p:sp>
        <p:nvSpPr>
          <p:cNvPr id="47" name="X">
            <a:extLst>
              <a:ext uri="{FF2B5EF4-FFF2-40B4-BE49-F238E27FC236}">
                <a16:creationId xmlns:a16="http://schemas.microsoft.com/office/drawing/2014/main" id="{261ACE04-4629-00B5-5B45-A9B735EA8761}"/>
              </a:ext>
            </a:extLst>
          </p:cNvPr>
          <p:cNvSpPr/>
          <p:nvPr/>
        </p:nvSpPr>
        <p:spPr>
          <a:xfrm>
            <a:off x="16868993" y="6772141"/>
            <a:ext cx="883037" cy="1056365"/>
          </a:xfrm>
          <a:custGeom>
            <a:avLst/>
            <a:gdLst/>
            <a:ahLst/>
            <a:cxnLst/>
            <a:rect l="l" t="t" r="r" b="b"/>
            <a:pathLst>
              <a:path w="2995223" h="2976503">
                <a:moveTo>
                  <a:pt x="0" y="0"/>
                </a:moveTo>
                <a:lnTo>
                  <a:pt x="2995223" y="0"/>
                </a:lnTo>
                <a:lnTo>
                  <a:pt x="2995223" y="2976503"/>
                </a:lnTo>
                <a:lnTo>
                  <a:pt x="0" y="2976503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8" name="Onay">
            <a:extLst>
              <a:ext uri="{FF2B5EF4-FFF2-40B4-BE49-F238E27FC236}">
                <a16:creationId xmlns:a16="http://schemas.microsoft.com/office/drawing/2014/main" id="{BC8FDBCE-1330-FF3A-28C3-80F1CFA500A6}"/>
              </a:ext>
            </a:extLst>
          </p:cNvPr>
          <p:cNvSpPr/>
          <p:nvPr/>
        </p:nvSpPr>
        <p:spPr>
          <a:xfrm>
            <a:off x="16809287" y="6467777"/>
            <a:ext cx="1202504" cy="1282918"/>
          </a:xfrm>
          <a:custGeom>
            <a:avLst/>
            <a:gdLst/>
            <a:ahLst/>
            <a:cxnLst/>
            <a:rect l="l" t="t" r="r" b="b"/>
            <a:pathLst>
              <a:path w="4848071" h="4114800">
                <a:moveTo>
                  <a:pt x="0" y="0"/>
                </a:moveTo>
                <a:lnTo>
                  <a:pt x="4848071" y="0"/>
                </a:lnTo>
                <a:lnTo>
                  <a:pt x="4848071" y="4114800"/>
                </a:lnTo>
                <a:lnTo>
                  <a:pt x="0" y="4114800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49" name="Eylem Düğmesi: İleriye Git veya Sonrakine Git 48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B6BFBF8-35D0-1C5E-B7D6-E19A6219CB25}"/>
              </a:ext>
            </a:extLst>
          </p:cNvPr>
          <p:cNvSpPr/>
          <p:nvPr/>
        </p:nvSpPr>
        <p:spPr>
          <a:xfrm>
            <a:off x="17928000" y="9917037"/>
            <a:ext cx="360000" cy="360000"/>
          </a:xfrm>
          <a:prstGeom prst="actionButtonForwardNext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0" name="Eylem Düğmesi: Geri Git veya Öncekine Git 49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48487AAC-A5E3-704E-FC30-252362CEE53C}"/>
              </a:ext>
            </a:extLst>
          </p:cNvPr>
          <p:cNvSpPr/>
          <p:nvPr/>
        </p:nvSpPr>
        <p:spPr>
          <a:xfrm>
            <a:off x="17443196" y="9917037"/>
            <a:ext cx="360000" cy="360000"/>
          </a:xfrm>
          <a:prstGeom prst="actionButtonBackPrevious">
            <a:avLst/>
          </a:prstGeom>
          <a:solidFill>
            <a:schemeClr val="accent3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tr-TR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79496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7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9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" fill="hold">
                      <p:stCondLst>
                        <p:cond delay="0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1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2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2" presetID="1" presetClass="exit" presetSubtype="0" fill="hold" grpId="1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4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9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5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3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36" presetID="1" presetClass="exit" presetSubtype="0" fill="hold" grpId="1" nodeType="with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38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9" fill="hold">
                      <p:stCondLst>
                        <p:cond delay="0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43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5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3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5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2"/>
                  </p:tgtEl>
                </p:cond>
              </p:nextCondLst>
            </p:seq>
            <p:seq concurrent="1" nextAc="seek">
              <p:cTn id="60" restart="whenNotActive" fill="hold" evtFilter="cancelBubble" nodeType="interactiveSeq">
                <p:stCondLst>
                  <p:cond evt="onClick" delay="0">
                    <p:tgtEl>
                      <p:spTgt spid="4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1" fill="hold">
                      <p:stCondLst>
                        <p:cond delay="0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Onay tık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65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5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4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 vol="19000">
                                        <p:cTn display="0" masterRel="sameClick">
                                          <p:stCondLst>
                                            <p:cond evt="begin" delay="0">
                                              <p:tn val="7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Yanlış ses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" presetClass="exit" presetSubtype="0" fill="hold" grpId="1" nodeType="afterEffect">
                                  <p:stCondLst>
                                    <p:cond delay="125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6"/>
                  </p:tgtEl>
                </p:cond>
              </p:nextCondLst>
            </p:seq>
          </p:childTnLst>
        </p:cTn>
      </p:par>
    </p:tnLst>
    <p:bldLst>
      <p:bldP spid="18" grpId="0" animBg="1"/>
      <p:bldP spid="123" grpId="0" animBg="1"/>
      <p:bldP spid="123" grpId="1" animBg="1"/>
      <p:bldP spid="124" grpId="0" animBg="1"/>
      <p:bldP spid="144" grpId="0" animBg="1"/>
      <p:bldP spid="149" grpId="0" animBg="1"/>
      <p:bldP spid="149" grpId="1" animBg="1"/>
      <p:bldP spid="150" grpId="0" animBg="1"/>
      <p:bldP spid="22" grpId="0" animBg="1"/>
      <p:bldP spid="24" grpId="0" animBg="1"/>
      <p:bldP spid="24" grpId="1" animBg="1"/>
      <p:bldP spid="25" grpId="0" animBg="1"/>
      <p:bldP spid="32" grpId="0" animBg="1"/>
      <p:bldP spid="33" grpId="0" animBg="1"/>
      <p:bldP spid="33" grpId="1" animBg="1"/>
      <p:bldP spid="34" grpId="0" animBg="1"/>
      <p:bldP spid="46" grpId="0" animBg="1"/>
      <p:bldP spid="47" grpId="0" animBg="1"/>
      <p:bldP spid="47" grpId="1" animBg="1"/>
      <p:bldP spid="48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BF8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2" y="-32367"/>
            <a:ext cx="18279026" cy="290364"/>
            <a:chOff x="0" y="0"/>
            <a:chExt cx="6355159" cy="378290"/>
          </a:xfrm>
          <a:solidFill>
            <a:srgbClr val="34ADF5"/>
          </a:solidFill>
        </p:grpSpPr>
        <p:sp>
          <p:nvSpPr>
            <p:cNvPr id="3" name="Freeform 3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914490"/>
              <a:endParaRPr lang="tr-TR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4" name="TextBox 4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50801" tIns="50801" rIns="50801" bIns="50801" rtlCol="0" anchor="ctr"/>
            <a:lstStyle/>
            <a:p>
              <a:pPr algn="ctr" defTabSz="914490">
                <a:lnSpc>
                  <a:spcPts val="623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grpSp>
        <p:nvGrpSpPr>
          <p:cNvPr id="17" name="Group 17"/>
          <p:cNvGrpSpPr/>
          <p:nvPr/>
        </p:nvGrpSpPr>
        <p:grpSpPr>
          <a:xfrm>
            <a:off x="3613938" y="10088967"/>
            <a:ext cx="14665089" cy="223947"/>
            <a:chOff x="0" y="0"/>
            <a:chExt cx="6355159" cy="378290"/>
          </a:xfrm>
          <a:solidFill>
            <a:srgbClr val="34ADF5"/>
          </a:solidFill>
        </p:grpSpPr>
        <p:sp>
          <p:nvSpPr>
            <p:cNvPr id="18" name="Freeform 18"/>
            <p:cNvSpPr/>
            <p:nvPr/>
          </p:nvSpPr>
          <p:spPr>
            <a:xfrm>
              <a:off x="0" y="0"/>
              <a:ext cx="6355159" cy="378290"/>
            </a:xfrm>
            <a:custGeom>
              <a:avLst/>
              <a:gdLst/>
              <a:ahLst/>
              <a:cxnLst/>
              <a:rect l="l" t="t" r="r" b="b"/>
              <a:pathLst>
                <a:path w="6355159" h="378290">
                  <a:moveTo>
                    <a:pt x="0" y="0"/>
                  </a:moveTo>
                  <a:lnTo>
                    <a:pt x="6355159" y="0"/>
                  </a:lnTo>
                  <a:lnTo>
                    <a:pt x="6355159" y="378290"/>
                  </a:lnTo>
                  <a:lnTo>
                    <a:pt x="0" y="37829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pPr defTabSz="914490"/>
              <a:endParaRPr lang="tr-TR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19" name="TextBox 19"/>
            <p:cNvSpPr txBox="1"/>
            <p:nvPr/>
          </p:nvSpPr>
          <p:spPr>
            <a:xfrm>
              <a:off x="0" y="-9525"/>
              <a:ext cx="6355159" cy="387815"/>
            </a:xfrm>
            <a:prstGeom prst="rect">
              <a:avLst/>
            </a:prstGeom>
            <a:grpFill/>
          </p:spPr>
          <p:txBody>
            <a:bodyPr lIns="50801" tIns="50801" rIns="50801" bIns="50801" rtlCol="0" anchor="ctr"/>
            <a:lstStyle/>
            <a:p>
              <a:pPr algn="ctr" defTabSz="914490">
                <a:lnSpc>
                  <a:spcPts val="623"/>
                </a:lnSpc>
              </a:pPr>
              <a:endParaRPr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24" name="Freeform 24"/>
          <p:cNvSpPr/>
          <p:nvPr/>
        </p:nvSpPr>
        <p:spPr>
          <a:xfrm>
            <a:off x="10813313" y="1132368"/>
            <a:ext cx="7465715" cy="8418900"/>
          </a:xfrm>
          <a:custGeom>
            <a:avLst/>
            <a:gdLst/>
            <a:ahLst/>
            <a:cxnLst/>
            <a:rect l="l" t="t" r="r" b="b"/>
            <a:pathLst>
              <a:path w="5778062" h="5778062">
                <a:moveTo>
                  <a:pt x="0" y="0"/>
                </a:moveTo>
                <a:lnTo>
                  <a:pt x="5778063" y="0"/>
                </a:lnTo>
                <a:lnTo>
                  <a:pt x="5778063" y="5778062"/>
                </a:lnTo>
                <a:lnTo>
                  <a:pt x="0" y="577806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914490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0" name="TextBox 30"/>
          <p:cNvSpPr txBox="1"/>
          <p:nvPr/>
        </p:nvSpPr>
        <p:spPr>
          <a:xfrm>
            <a:off x="3477168" y="2315028"/>
            <a:ext cx="4607523" cy="553998"/>
          </a:xfrm>
          <a:prstGeom prst="rect">
            <a:avLst/>
          </a:prstGeom>
          <a:solidFill>
            <a:srgbClr val="FDF7F5"/>
          </a:solidFill>
        </p:spPr>
        <p:txBody>
          <a:bodyPr wrap="square" lIns="0" tIns="0" rIns="0" bIns="0" rtlCol="0" anchor="ctr">
            <a:spAutoFit/>
          </a:bodyPr>
          <a:lstStyle/>
          <a:p>
            <a:pPr defTabSz="914490"/>
            <a:r>
              <a:rPr lang="en-US" sz="3600" spc="125" dirty="0">
                <a:solidFill>
                  <a:srgbClr val="4F4C4C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MUSTAFA YILDIRIM</a:t>
            </a:r>
          </a:p>
        </p:txBody>
      </p:sp>
      <p:sp>
        <p:nvSpPr>
          <p:cNvPr id="31" name="TextBox 31"/>
          <p:cNvSpPr txBox="1"/>
          <p:nvPr/>
        </p:nvSpPr>
        <p:spPr>
          <a:xfrm>
            <a:off x="2214468" y="2858057"/>
            <a:ext cx="6705936" cy="56053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914490">
              <a:lnSpc>
                <a:spcPts val="5130"/>
              </a:lnSpc>
            </a:pPr>
            <a:r>
              <a:rPr lang="en-US" sz="24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DİN KÜLTÜRÜ VE AHLAK BİLGİSİ ÖĞRETMENİ</a:t>
            </a:r>
          </a:p>
        </p:txBody>
      </p:sp>
      <p:sp>
        <p:nvSpPr>
          <p:cNvPr id="32" name="TextBox 32"/>
          <p:cNvSpPr txBox="1"/>
          <p:nvPr/>
        </p:nvSpPr>
        <p:spPr>
          <a:xfrm>
            <a:off x="3675827" y="3983855"/>
            <a:ext cx="6374532" cy="55399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914490"/>
            <a:r>
              <a:rPr lang="en-US" sz="3600" spc="47" dirty="0">
                <a:solidFill>
                  <a:srgbClr val="4F4C4C"/>
                </a:solidFill>
                <a:latin typeface="Calibri"/>
              </a:rPr>
              <a:t>www.dindersimateryal.com</a:t>
            </a:r>
          </a:p>
        </p:txBody>
      </p:sp>
      <p:sp>
        <p:nvSpPr>
          <p:cNvPr id="40" name="Freeform 26">
            <a:hlinkClick r:id="rId5"/>
            <a:extLst>
              <a:ext uri="{FF2B5EF4-FFF2-40B4-BE49-F238E27FC236}">
                <a16:creationId xmlns:a16="http://schemas.microsoft.com/office/drawing/2014/main" id="{0F1ECF8B-A9EF-DBDA-9C9E-593E2186275D}"/>
              </a:ext>
            </a:extLst>
          </p:cNvPr>
          <p:cNvSpPr/>
          <p:nvPr/>
        </p:nvSpPr>
        <p:spPr>
          <a:xfrm>
            <a:off x="2169607" y="5167922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4" name="Freeform 30">
            <a:hlinkClick r:id="rId6"/>
            <a:extLst>
              <a:ext uri="{FF2B5EF4-FFF2-40B4-BE49-F238E27FC236}">
                <a16:creationId xmlns:a16="http://schemas.microsoft.com/office/drawing/2014/main" id="{96B76201-8A16-0B6C-9A7C-D2D4AD3F8CE8}"/>
              </a:ext>
            </a:extLst>
          </p:cNvPr>
          <p:cNvSpPr/>
          <p:nvPr/>
        </p:nvSpPr>
        <p:spPr>
          <a:xfrm>
            <a:off x="2169607" y="6696706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6" name="Freeform 32">
            <a:hlinkClick r:id="rId6"/>
            <a:extLst>
              <a:ext uri="{FF2B5EF4-FFF2-40B4-BE49-F238E27FC236}">
                <a16:creationId xmlns:a16="http://schemas.microsoft.com/office/drawing/2014/main" id="{E084193D-FFF4-8C43-63FC-081DCB4030C2}"/>
              </a:ext>
            </a:extLst>
          </p:cNvPr>
          <p:cNvSpPr/>
          <p:nvPr/>
        </p:nvSpPr>
        <p:spPr>
          <a:xfrm>
            <a:off x="2370665" y="6911099"/>
            <a:ext cx="927471" cy="900806"/>
          </a:xfrm>
          <a:custGeom>
            <a:avLst/>
            <a:gdLst/>
            <a:ahLst/>
            <a:cxnLst/>
            <a:rect l="l" t="t" r="r" b="b"/>
            <a:pathLst>
              <a:path w="745110" h="723688">
                <a:moveTo>
                  <a:pt x="0" y="0"/>
                </a:moveTo>
                <a:lnTo>
                  <a:pt x="745110" y="0"/>
                </a:lnTo>
                <a:lnTo>
                  <a:pt x="745110" y="723689"/>
                </a:lnTo>
                <a:lnTo>
                  <a:pt x="0" y="723689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7" name="Freeform 33">
            <a:hlinkClick r:id="rId5"/>
            <a:extLst>
              <a:ext uri="{FF2B5EF4-FFF2-40B4-BE49-F238E27FC236}">
                <a16:creationId xmlns:a16="http://schemas.microsoft.com/office/drawing/2014/main" id="{45ED86CA-DED7-1114-1799-C4B31903F606}"/>
              </a:ext>
            </a:extLst>
          </p:cNvPr>
          <p:cNvSpPr/>
          <p:nvPr/>
        </p:nvSpPr>
        <p:spPr>
          <a:xfrm>
            <a:off x="2346235" y="5344550"/>
            <a:ext cx="976337" cy="976337"/>
          </a:xfrm>
          <a:custGeom>
            <a:avLst/>
            <a:gdLst/>
            <a:ahLst/>
            <a:cxnLst/>
            <a:rect l="l" t="t" r="r" b="b"/>
            <a:pathLst>
              <a:path w="976336" h="976336">
                <a:moveTo>
                  <a:pt x="0" y="0"/>
                </a:moveTo>
                <a:lnTo>
                  <a:pt x="976336" y="0"/>
                </a:lnTo>
                <a:lnTo>
                  <a:pt x="976336" y="976336"/>
                </a:lnTo>
                <a:lnTo>
                  <a:pt x="0" y="976336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  <a:ln cap="sq">
            <a:noFill/>
            <a:prstDash val="solid"/>
            <a:miter/>
          </a:ln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9" name="TextBox 32">
            <a:hlinkClick r:id="rId5"/>
            <a:extLst>
              <a:ext uri="{FF2B5EF4-FFF2-40B4-BE49-F238E27FC236}">
                <a16:creationId xmlns:a16="http://schemas.microsoft.com/office/drawing/2014/main" id="{397FB586-151D-101B-6DB2-44BBF9717EF3}"/>
              </a:ext>
            </a:extLst>
          </p:cNvPr>
          <p:cNvSpPr txBox="1"/>
          <p:nvPr/>
        </p:nvSpPr>
        <p:spPr>
          <a:xfrm>
            <a:off x="3675827" y="5570135"/>
            <a:ext cx="2784378" cy="55399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914490"/>
            <a:r>
              <a:rPr lang="en-US" sz="3600" spc="47" dirty="0">
                <a:solidFill>
                  <a:srgbClr val="4F4C4C"/>
                </a:solidFill>
                <a:latin typeface="Calibri"/>
              </a:rPr>
              <a:t>mustafayil34</a:t>
            </a:r>
          </a:p>
        </p:txBody>
      </p:sp>
      <p:sp>
        <p:nvSpPr>
          <p:cNvPr id="50" name="TextBox 32">
            <a:extLst>
              <a:ext uri="{FF2B5EF4-FFF2-40B4-BE49-F238E27FC236}">
                <a16:creationId xmlns:a16="http://schemas.microsoft.com/office/drawing/2014/main" id="{4DD7BF1C-DEC9-F6C3-8AC2-90B3DD2F1541}"/>
              </a:ext>
            </a:extLst>
          </p:cNvPr>
          <p:cNvSpPr txBox="1"/>
          <p:nvPr/>
        </p:nvSpPr>
        <p:spPr>
          <a:xfrm>
            <a:off x="3613938" y="7019243"/>
            <a:ext cx="6374532" cy="55399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914490"/>
            <a:r>
              <a:rPr lang="en-US" sz="3600" spc="47" dirty="0">
                <a:solidFill>
                  <a:srgbClr val="4F4C4C"/>
                </a:solidFill>
                <a:latin typeface="Calibri"/>
              </a:rPr>
              <a:t>t.me/</a:t>
            </a:r>
            <a:r>
              <a:rPr lang="en-US" sz="3600" spc="47" dirty="0" err="1">
                <a:solidFill>
                  <a:srgbClr val="4F4C4C"/>
                </a:solidFill>
                <a:latin typeface="Calibri"/>
              </a:rPr>
              <a:t>Dindersimateryalcom</a:t>
            </a:r>
            <a:endParaRPr lang="en-US" sz="3600" spc="47" dirty="0">
              <a:solidFill>
                <a:srgbClr val="4F4C4C"/>
              </a:solidFill>
              <a:latin typeface="Calibri"/>
            </a:endParaRPr>
          </a:p>
        </p:txBody>
      </p:sp>
      <p:sp>
        <p:nvSpPr>
          <p:cNvPr id="20" name="Dikdörtgen: Çapraz Köşeleri Kesik 19">
            <a:extLst>
              <a:ext uri="{FF2B5EF4-FFF2-40B4-BE49-F238E27FC236}">
                <a16:creationId xmlns:a16="http://schemas.microsoft.com/office/drawing/2014/main" id="{A8E4C9BC-68A6-D236-991F-B94CFE51A5F6}"/>
              </a:ext>
            </a:extLst>
          </p:cNvPr>
          <p:cNvSpPr/>
          <p:nvPr/>
        </p:nvSpPr>
        <p:spPr>
          <a:xfrm>
            <a:off x="0" y="9450518"/>
            <a:ext cx="3832977" cy="862397"/>
          </a:xfrm>
          <a:prstGeom prst="snip2DiagRect">
            <a:avLst>
              <a:gd name="adj1" fmla="val 0"/>
              <a:gd name="adj2" fmla="val 13951"/>
            </a:avLst>
          </a:prstGeom>
          <a:solidFill>
            <a:srgbClr val="34ADF5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69"/>
            <a:endParaRPr lang="tr-TR" sz="270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25" name="Freeform 26">
            <a:hlinkClick r:id="rId11"/>
            <a:extLst>
              <a:ext uri="{FF2B5EF4-FFF2-40B4-BE49-F238E27FC236}">
                <a16:creationId xmlns:a16="http://schemas.microsoft.com/office/drawing/2014/main" id="{15BD4A1E-862B-3E27-AAF4-D7BE6547A232}"/>
              </a:ext>
            </a:extLst>
          </p:cNvPr>
          <p:cNvSpPr/>
          <p:nvPr/>
        </p:nvSpPr>
        <p:spPr>
          <a:xfrm>
            <a:off x="2169607" y="3639139"/>
            <a:ext cx="1329593" cy="1329593"/>
          </a:xfrm>
          <a:custGeom>
            <a:avLst/>
            <a:gdLst/>
            <a:ahLst/>
            <a:cxnLst/>
            <a:rect l="l" t="t" r="r" b="b"/>
            <a:pathLst>
              <a:path w="812800" h="812800">
                <a:moveTo>
                  <a:pt x="406400" y="0"/>
                </a:moveTo>
                <a:cubicBezTo>
                  <a:pt x="181951" y="0"/>
                  <a:pt x="0" y="181951"/>
                  <a:pt x="0" y="406400"/>
                </a:cubicBezTo>
                <a:cubicBezTo>
                  <a:pt x="0" y="630849"/>
                  <a:pt x="181951" y="812800"/>
                  <a:pt x="406400" y="812800"/>
                </a:cubicBezTo>
                <a:cubicBezTo>
                  <a:pt x="630849" y="812800"/>
                  <a:pt x="812800" y="630849"/>
                  <a:pt x="812800" y="406400"/>
                </a:cubicBezTo>
                <a:cubicBezTo>
                  <a:pt x="812800" y="181951"/>
                  <a:pt x="630849" y="0"/>
                  <a:pt x="406400" y="0"/>
                </a:cubicBezTo>
                <a:close/>
              </a:path>
            </a:pathLst>
          </a:custGeom>
          <a:solidFill>
            <a:srgbClr val="34ADF5"/>
          </a:solidFill>
        </p:spPr>
        <p:txBody>
          <a:bodyPr/>
          <a:lstStyle/>
          <a:p>
            <a:pPr defTabSz="914490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6" name="Freeform 34">
            <a:hlinkClick r:id="rId11"/>
            <a:extLst>
              <a:ext uri="{FF2B5EF4-FFF2-40B4-BE49-F238E27FC236}">
                <a16:creationId xmlns:a16="http://schemas.microsoft.com/office/drawing/2014/main" id="{D7FA7AE3-A9C8-0347-F9F6-7FBCED15D233}"/>
              </a:ext>
            </a:extLst>
          </p:cNvPr>
          <p:cNvSpPr/>
          <p:nvPr/>
        </p:nvSpPr>
        <p:spPr>
          <a:xfrm>
            <a:off x="2267204" y="3754463"/>
            <a:ext cx="1134393" cy="1098944"/>
          </a:xfrm>
          <a:custGeom>
            <a:avLst/>
            <a:gdLst/>
            <a:ahLst/>
            <a:cxnLst/>
            <a:rect l="l" t="t" r="r" b="b"/>
            <a:pathLst>
              <a:path w="1862481" h="1804278">
                <a:moveTo>
                  <a:pt x="0" y="0"/>
                </a:moveTo>
                <a:lnTo>
                  <a:pt x="1862480" y="0"/>
                </a:lnTo>
                <a:lnTo>
                  <a:pt x="1862480" y="1804278"/>
                </a:lnTo>
                <a:lnTo>
                  <a:pt x="0" y="1804278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1371669"/>
            <a:endParaRPr lang="tr-TR" sz="2700">
              <a:solidFill>
                <a:prstClr val="black"/>
              </a:solidFill>
              <a:latin typeface="Calibri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ikdörtgen: Köşeleri Yuvarlatılmış 2">
            <a:extLst>
              <a:ext uri="{FF2B5EF4-FFF2-40B4-BE49-F238E27FC236}">
                <a16:creationId xmlns:a16="http://schemas.microsoft.com/office/drawing/2014/main" id="{7B1510F2-DF03-43DD-3418-8F1B143EA064}"/>
              </a:ext>
            </a:extLst>
          </p:cNvPr>
          <p:cNvSpPr/>
          <p:nvPr/>
        </p:nvSpPr>
        <p:spPr>
          <a:xfrm>
            <a:off x="1" y="647700"/>
            <a:ext cx="6400800" cy="1033154"/>
          </a:xfrm>
          <a:prstGeom prst="roundRect">
            <a:avLst>
              <a:gd name="adj" fmla="val 30460"/>
            </a:avLst>
          </a:prstGeom>
          <a:solidFill>
            <a:srgbClr val="FDF7F5"/>
          </a:solidFill>
          <a:ln>
            <a:solidFill>
              <a:schemeClr val="tx2"/>
            </a:solidFill>
          </a:ln>
          <a:effectLst>
            <a:outerShdw blurRad="101600" dist="50800" dir="4800000" algn="t" rotWithShape="0">
              <a:prstClr val="black">
                <a:alpha val="42000"/>
              </a:prstClr>
            </a:outerShdw>
            <a:reflection endPos="0" dir="5400000" sy="-100000" algn="bl" rotWithShape="0"/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685800" lvl="1" defTabSz="1371600">
              <a:defRPr/>
            </a:pPr>
            <a:r>
              <a:rPr lang="tr-TR" sz="4800" dirty="0">
                <a:solidFill>
                  <a:prstClr val="black"/>
                </a:solidFill>
                <a:latin typeface="Helvetica" panose="020B0604020202020204" pitchFamily="34" charset="0"/>
                <a:cs typeface="Helvetica" panose="020B0604020202020204" pitchFamily="34" charset="0"/>
              </a:rPr>
              <a:t>  Din Güzel Ahlaktır</a:t>
            </a:r>
          </a:p>
        </p:txBody>
      </p:sp>
      <p:sp>
        <p:nvSpPr>
          <p:cNvPr id="4" name="Oval 3">
            <a:extLst>
              <a:ext uri="{FF2B5EF4-FFF2-40B4-BE49-F238E27FC236}">
                <a16:creationId xmlns:a16="http://schemas.microsoft.com/office/drawing/2014/main" id="{1115ADF5-7BF3-9C24-B669-11E9C3C597B4}"/>
              </a:ext>
            </a:extLst>
          </p:cNvPr>
          <p:cNvSpPr/>
          <p:nvPr/>
        </p:nvSpPr>
        <p:spPr>
          <a:xfrm>
            <a:off x="238122" y="744480"/>
            <a:ext cx="857249" cy="839594"/>
          </a:xfrm>
          <a:prstGeom prst="ellipse">
            <a:avLst/>
          </a:prstGeom>
          <a:solidFill>
            <a:srgbClr val="FF7A4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371600">
              <a:defRPr/>
            </a:pPr>
            <a:r>
              <a:rPr lang="tr-TR" sz="4800" dirty="0">
                <a:solidFill>
                  <a:prstClr val="white"/>
                </a:solidFill>
                <a:latin typeface="Calibri" panose="020F0502020204030204"/>
              </a:rPr>
              <a:t>1</a:t>
            </a:r>
          </a:p>
        </p:txBody>
      </p:sp>
      <p:sp>
        <p:nvSpPr>
          <p:cNvPr id="5" name="Freeform 5">
            <a:extLst>
              <a:ext uri="{FF2B5EF4-FFF2-40B4-BE49-F238E27FC236}">
                <a16:creationId xmlns:a16="http://schemas.microsoft.com/office/drawing/2014/main" id="{E1E21092-1D4E-7116-498F-3918E43D19A1}"/>
              </a:ext>
            </a:extLst>
          </p:cNvPr>
          <p:cNvSpPr/>
          <p:nvPr/>
        </p:nvSpPr>
        <p:spPr>
          <a:xfrm>
            <a:off x="11391672" y="647700"/>
            <a:ext cx="6553200" cy="7866576"/>
          </a:xfrm>
          <a:custGeom>
            <a:avLst/>
            <a:gdLst/>
            <a:ahLst/>
            <a:cxnLst/>
            <a:rect l="l" t="t" r="r" b="b"/>
            <a:pathLst>
              <a:path w="5937093" h="7587339">
                <a:moveTo>
                  <a:pt x="0" y="0"/>
                </a:moveTo>
                <a:lnTo>
                  <a:pt x="5937093" y="0"/>
                </a:lnTo>
                <a:lnTo>
                  <a:pt x="5937093" y="7587339"/>
                </a:lnTo>
                <a:lnTo>
                  <a:pt x="0" y="7587339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grpSp>
        <p:nvGrpSpPr>
          <p:cNvPr id="6" name="Grup 5">
            <a:extLst>
              <a:ext uri="{FF2B5EF4-FFF2-40B4-BE49-F238E27FC236}">
                <a16:creationId xmlns:a16="http://schemas.microsoft.com/office/drawing/2014/main" id="{F3842542-6C3F-E916-2F09-D7FDD503D676}"/>
              </a:ext>
            </a:extLst>
          </p:cNvPr>
          <p:cNvGrpSpPr/>
          <p:nvPr/>
        </p:nvGrpSpPr>
        <p:grpSpPr>
          <a:xfrm>
            <a:off x="304800" y="3932289"/>
            <a:ext cx="10735959" cy="2422423"/>
            <a:chOff x="304800" y="4152900"/>
            <a:chExt cx="10735959" cy="2422423"/>
          </a:xfrm>
          <a:solidFill>
            <a:srgbClr val="D5E131"/>
          </a:solidFill>
        </p:grpSpPr>
        <p:grpSp>
          <p:nvGrpSpPr>
            <p:cNvPr id="7" name="Group 2">
              <a:extLst>
                <a:ext uri="{FF2B5EF4-FFF2-40B4-BE49-F238E27FC236}">
                  <a16:creationId xmlns:a16="http://schemas.microsoft.com/office/drawing/2014/main" id="{817A5C7F-E7E3-DCA6-C200-E02155C8632F}"/>
                </a:ext>
              </a:extLst>
            </p:cNvPr>
            <p:cNvGrpSpPr/>
            <p:nvPr/>
          </p:nvGrpSpPr>
          <p:grpSpPr>
            <a:xfrm>
              <a:off x="304800" y="4152900"/>
              <a:ext cx="10735959" cy="2422423"/>
              <a:chOff x="0" y="0"/>
              <a:chExt cx="2628733" cy="638004"/>
            </a:xfrm>
            <a:grpFill/>
          </p:grpSpPr>
          <p:sp>
            <p:nvSpPr>
              <p:cNvPr id="9" name="Freeform 3">
                <a:extLst>
                  <a:ext uri="{FF2B5EF4-FFF2-40B4-BE49-F238E27FC236}">
                    <a16:creationId xmlns:a16="http://schemas.microsoft.com/office/drawing/2014/main" id="{50DA3AE1-8131-396A-7BC7-02B04393C405}"/>
                  </a:ext>
                </a:extLst>
              </p:cNvPr>
              <p:cNvSpPr/>
              <p:nvPr/>
            </p:nvSpPr>
            <p:spPr>
              <a:xfrm>
                <a:off x="0" y="0"/>
                <a:ext cx="2628733" cy="638004"/>
              </a:xfrm>
              <a:custGeom>
                <a:avLst/>
                <a:gdLst/>
                <a:ahLst/>
                <a:cxnLst/>
                <a:rect l="l" t="t" r="r" b="b"/>
                <a:pathLst>
                  <a:path w="2628733" h="638004">
                    <a:moveTo>
                      <a:pt x="0" y="0"/>
                    </a:moveTo>
                    <a:lnTo>
                      <a:pt x="2628733" y="0"/>
                    </a:lnTo>
                    <a:lnTo>
                      <a:pt x="2628733" y="638004"/>
                    </a:lnTo>
                    <a:lnTo>
                      <a:pt x="0" y="638004"/>
                    </a:lnTo>
                    <a:close/>
                  </a:path>
                </a:pathLst>
              </a:custGeom>
              <a:grpFill/>
            </p:spPr>
            <p:txBody>
              <a:bodyPr/>
              <a:lstStyle/>
              <a:p>
                <a:endParaRPr lang="tr-TR"/>
              </a:p>
            </p:txBody>
          </p:sp>
          <p:sp>
            <p:nvSpPr>
              <p:cNvPr id="10" name="TextBox 4">
                <a:extLst>
                  <a:ext uri="{FF2B5EF4-FFF2-40B4-BE49-F238E27FC236}">
                    <a16:creationId xmlns:a16="http://schemas.microsoft.com/office/drawing/2014/main" id="{B644F07D-1955-2B39-A931-4B23E2CFF487}"/>
                  </a:ext>
                </a:extLst>
              </p:cNvPr>
              <p:cNvSpPr txBox="1"/>
              <p:nvPr/>
            </p:nvSpPr>
            <p:spPr>
              <a:xfrm>
                <a:off x="0" y="-28575"/>
                <a:ext cx="2628733" cy="666579"/>
              </a:xfrm>
              <a:prstGeom prst="rect">
                <a:avLst/>
              </a:prstGeom>
              <a:grpFill/>
            </p:spPr>
            <p:txBody>
              <a:bodyPr lIns="50800" tIns="50800" rIns="50800" bIns="50800" rtlCol="0" anchor="ctr"/>
              <a:lstStyle/>
              <a:p>
                <a:pPr algn="ctr">
                  <a:lnSpc>
                    <a:spcPts val="2659"/>
                  </a:lnSpc>
                </a:pPr>
                <a:endParaRPr/>
              </a:p>
              <a:p>
                <a:pPr algn="ctr">
                  <a:lnSpc>
                    <a:spcPts val="2659"/>
                  </a:lnSpc>
                  <a:spcBef>
                    <a:spcPct val="0"/>
                  </a:spcBef>
                </a:pPr>
                <a:endParaRPr/>
              </a:p>
            </p:txBody>
          </p:sp>
        </p:grpSp>
        <p:sp>
          <p:nvSpPr>
            <p:cNvPr id="8" name="TextBox 6">
              <a:extLst>
                <a:ext uri="{FF2B5EF4-FFF2-40B4-BE49-F238E27FC236}">
                  <a16:creationId xmlns:a16="http://schemas.microsoft.com/office/drawing/2014/main" id="{FDDF0F6F-1F41-5565-98DD-E3F28F7757BE}"/>
                </a:ext>
              </a:extLst>
            </p:cNvPr>
            <p:cNvSpPr txBox="1"/>
            <p:nvPr/>
          </p:nvSpPr>
          <p:spPr>
            <a:xfrm>
              <a:off x="682294" y="4533115"/>
              <a:ext cx="9980971" cy="1661993"/>
            </a:xfrm>
            <a:prstGeom prst="rect">
              <a:avLst/>
            </a:prstGeom>
            <a:grpFill/>
          </p:spPr>
          <p:txBody>
            <a:bodyPr lIns="0" tIns="0" rIns="0" bIns="0" rtlCol="0" anchor="t">
              <a:spAutoFit/>
            </a:bodyPr>
            <a:lstStyle/>
            <a:p>
              <a:pPr algn="ctr" rtl="0"/>
              <a:r>
                <a:rPr lang="tr-TR" sz="5400" b="0" i="0" dirty="0">
                  <a:solidFill>
                    <a:srgbClr val="000000"/>
                  </a:solidFill>
                  <a:effectLst/>
                </a:rPr>
                <a:t>İyi bir Müslümanda bulunması gereken </a:t>
              </a:r>
              <a:r>
                <a:rPr lang="tr-TR" sz="5400" b="0" i="0" dirty="0">
                  <a:solidFill>
                    <a:srgbClr val="FF0000"/>
                  </a:solidFill>
                  <a:effectLst/>
                </a:rPr>
                <a:t>davranışlar</a:t>
              </a:r>
              <a:r>
                <a:rPr lang="tr-TR" sz="5400" b="0" i="0" dirty="0">
                  <a:solidFill>
                    <a:srgbClr val="000000"/>
                  </a:solidFill>
                  <a:effectLst/>
                </a:rPr>
                <a:t> nelerdir?</a:t>
              </a:r>
              <a:endParaRPr lang="tr-TR" sz="5400" dirty="0">
                <a:effectLst/>
              </a:endParaRPr>
            </a:p>
          </p:txBody>
        </p:sp>
      </p:grpSp>
      <p:sp>
        <p:nvSpPr>
          <p:cNvPr id="11" name="Ok: Aşağı 10">
            <a:extLst>
              <a:ext uri="{FF2B5EF4-FFF2-40B4-BE49-F238E27FC236}">
                <a16:creationId xmlns:a16="http://schemas.microsoft.com/office/drawing/2014/main" id="{88CCCE38-CA5B-70B7-5CB3-F1ECFA3139E6}"/>
              </a:ext>
            </a:extLst>
          </p:cNvPr>
          <p:cNvSpPr/>
          <p:nvPr/>
        </p:nvSpPr>
        <p:spPr>
          <a:xfrm>
            <a:off x="4876800" y="6463208"/>
            <a:ext cx="990600" cy="1499692"/>
          </a:xfrm>
          <a:prstGeom prst="downArrow">
            <a:avLst>
              <a:gd name="adj1" fmla="val 35520"/>
              <a:gd name="adj2" fmla="val 50000"/>
            </a:avLst>
          </a:prstGeom>
          <a:solidFill>
            <a:srgbClr val="FF7A4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12" name="Dikdörtgen: Köşeleri Yuvarlatılmış 11">
            <a:extLst>
              <a:ext uri="{FF2B5EF4-FFF2-40B4-BE49-F238E27FC236}">
                <a16:creationId xmlns:a16="http://schemas.microsoft.com/office/drawing/2014/main" id="{49A5BB03-844F-C7D2-1EC3-E8BF65541BC6}"/>
              </a:ext>
            </a:extLst>
          </p:cNvPr>
          <p:cNvSpPr/>
          <p:nvPr/>
        </p:nvSpPr>
        <p:spPr>
          <a:xfrm>
            <a:off x="2667000" y="8267700"/>
            <a:ext cx="5410200" cy="137160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r-TR" sz="4000" dirty="0">
                <a:solidFill>
                  <a:schemeClr val="tx1"/>
                </a:solidFill>
              </a:rPr>
              <a:t>Güzel ahlaki davranışlar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2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0" y="1181098"/>
            <a:ext cx="9267076" cy="7239002"/>
          </a:xfrm>
          <a:custGeom>
            <a:avLst/>
            <a:gdLst/>
            <a:ahLst/>
            <a:cxnLst/>
            <a:rect l="l" t="t" r="r" b="b"/>
            <a:pathLst>
              <a:path w="11497945" h="7572241">
                <a:moveTo>
                  <a:pt x="0" y="0"/>
                </a:moveTo>
                <a:lnTo>
                  <a:pt x="11497945" y="0"/>
                </a:lnTo>
                <a:lnTo>
                  <a:pt x="11497945" y="7572241"/>
                </a:lnTo>
                <a:lnTo>
                  <a:pt x="0" y="7572241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b="-1165"/>
            </a:stretch>
          </a:blipFill>
        </p:spPr>
        <p:txBody>
          <a:bodyPr/>
          <a:lstStyle/>
          <a:p>
            <a:endParaRPr lang="tr-TR"/>
          </a:p>
        </p:txBody>
      </p:sp>
      <p:grpSp>
        <p:nvGrpSpPr>
          <p:cNvPr id="4" name="Grup 3">
            <a:extLst>
              <a:ext uri="{FF2B5EF4-FFF2-40B4-BE49-F238E27FC236}">
                <a16:creationId xmlns:a16="http://schemas.microsoft.com/office/drawing/2014/main" id="{A275FC4C-DE20-62D5-1FCE-C62D9ED1F7DD}"/>
              </a:ext>
            </a:extLst>
          </p:cNvPr>
          <p:cNvGrpSpPr/>
          <p:nvPr/>
        </p:nvGrpSpPr>
        <p:grpSpPr>
          <a:xfrm>
            <a:off x="9695333" y="1014415"/>
            <a:ext cx="8224009" cy="7177084"/>
            <a:chOff x="586248" y="693288"/>
            <a:chExt cx="8224009" cy="7177084"/>
          </a:xfrm>
        </p:grpSpPr>
        <p:sp>
          <p:nvSpPr>
            <p:cNvPr id="5" name="Freeform 2">
              <a:extLst>
                <a:ext uri="{FF2B5EF4-FFF2-40B4-BE49-F238E27FC236}">
                  <a16:creationId xmlns:a16="http://schemas.microsoft.com/office/drawing/2014/main" id="{907AFAB5-5270-7998-6448-72B75668E085}"/>
                </a:ext>
              </a:extLst>
            </p:cNvPr>
            <p:cNvSpPr/>
            <p:nvPr/>
          </p:nvSpPr>
          <p:spPr>
            <a:xfrm>
              <a:off x="586248" y="693288"/>
              <a:ext cx="8224009" cy="7177084"/>
            </a:xfrm>
            <a:custGeom>
              <a:avLst/>
              <a:gdLst/>
              <a:ahLst/>
              <a:cxnLst/>
              <a:rect l="l" t="t" r="r" b="b"/>
              <a:pathLst>
                <a:path w="8224009" h="8867767">
                  <a:moveTo>
                    <a:pt x="0" y="0"/>
                  </a:moveTo>
                  <a:lnTo>
                    <a:pt x="8224009" y="0"/>
                  </a:lnTo>
                  <a:lnTo>
                    <a:pt x="8224009" y="8867768"/>
                  </a:lnTo>
                  <a:lnTo>
                    <a:pt x="0" y="8867768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5"/>
              <a:stretch>
                <a:fillRect l="-291" r="-662"/>
              </a:stretch>
            </a:blipFill>
          </p:spPr>
          <p:txBody>
            <a:bodyPr/>
            <a:lstStyle/>
            <a:p>
              <a:endParaRPr lang="tr-TR"/>
            </a:p>
          </p:txBody>
        </p:sp>
        <p:sp>
          <p:nvSpPr>
            <p:cNvPr id="6" name="Metin kutusu 5">
              <a:extLst>
                <a:ext uri="{FF2B5EF4-FFF2-40B4-BE49-F238E27FC236}">
                  <a16:creationId xmlns:a16="http://schemas.microsoft.com/office/drawing/2014/main" id="{212F2C81-6AE4-2EC9-8113-9DE1F2C6026B}"/>
                </a:ext>
              </a:extLst>
            </p:cNvPr>
            <p:cNvSpPr txBox="1"/>
            <p:nvPr/>
          </p:nvSpPr>
          <p:spPr>
            <a:xfrm>
              <a:off x="3505200" y="793935"/>
              <a:ext cx="2362200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tr-TR" sz="6000" dirty="0"/>
                <a:t>Ahlak</a:t>
              </a:r>
            </a:p>
          </p:txBody>
        </p:sp>
      </p:grpSp>
      <p:sp>
        <p:nvSpPr>
          <p:cNvPr id="7" name="Metin kutusu 6">
            <a:extLst>
              <a:ext uri="{FF2B5EF4-FFF2-40B4-BE49-F238E27FC236}">
                <a16:creationId xmlns:a16="http://schemas.microsoft.com/office/drawing/2014/main" id="{D49C284A-7CB2-76EB-E364-B7561BF9A771}"/>
              </a:ext>
            </a:extLst>
          </p:cNvPr>
          <p:cNvSpPr txBox="1"/>
          <p:nvPr/>
        </p:nvSpPr>
        <p:spPr>
          <a:xfrm>
            <a:off x="9765751" y="2861607"/>
            <a:ext cx="8059267" cy="193899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571500" indent="-571500" algn="just">
              <a:buFont typeface="Wingdings" panose="05000000000000000000" pitchFamily="2" charset="2"/>
              <a:buChar char="ü"/>
            </a:pPr>
            <a:r>
              <a:rPr lang="tr-TR" sz="4000" dirty="0">
                <a:solidFill>
                  <a:srgbClr val="000000"/>
                </a:solidFill>
              </a:rPr>
              <a:t>İnsanın iyi veya kötü olarak nitelendirilen huy ve davranışlarına ahlak denir.</a:t>
            </a:r>
            <a:endParaRPr lang="tr-TR" sz="6000" dirty="0"/>
          </a:p>
        </p:txBody>
      </p:sp>
      <p:sp>
        <p:nvSpPr>
          <p:cNvPr id="8" name="Metin kutusu 7">
            <a:extLst>
              <a:ext uri="{FF2B5EF4-FFF2-40B4-BE49-F238E27FC236}">
                <a16:creationId xmlns:a16="http://schemas.microsoft.com/office/drawing/2014/main" id="{F7BAEC54-E049-12B7-2F0E-1A730CC0C335}"/>
              </a:ext>
            </a:extLst>
          </p:cNvPr>
          <p:cNvSpPr txBox="1"/>
          <p:nvPr/>
        </p:nvSpPr>
        <p:spPr>
          <a:xfrm>
            <a:off x="9765751" y="5295900"/>
            <a:ext cx="8059267" cy="255454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571500" indent="-571500" algn="just">
              <a:buFont typeface="Wingdings" panose="05000000000000000000" pitchFamily="2" charset="2"/>
              <a:buChar char="ü"/>
            </a:pPr>
            <a:r>
              <a:rPr lang="tr-TR" sz="4000" dirty="0">
                <a:solidFill>
                  <a:srgbClr val="000000"/>
                </a:solidFill>
              </a:rPr>
              <a:t>İnsanın davranışlar güzelse o kişi için </a:t>
            </a:r>
            <a:r>
              <a:rPr lang="tr-TR" sz="4000" dirty="0">
                <a:solidFill>
                  <a:srgbClr val="C00000"/>
                </a:solidFill>
              </a:rPr>
              <a:t>ahlaklı</a:t>
            </a:r>
            <a:r>
              <a:rPr lang="tr-TR" sz="4000" dirty="0">
                <a:solidFill>
                  <a:srgbClr val="000000"/>
                </a:solidFill>
              </a:rPr>
              <a:t> veya </a:t>
            </a:r>
            <a:r>
              <a:rPr lang="tr-TR" sz="4000" dirty="0">
                <a:solidFill>
                  <a:srgbClr val="C00000"/>
                </a:solidFill>
              </a:rPr>
              <a:t>güzel ahlaklı</a:t>
            </a:r>
            <a:r>
              <a:rPr lang="tr-TR" sz="4000" dirty="0">
                <a:solidFill>
                  <a:srgbClr val="000000"/>
                </a:solidFill>
              </a:rPr>
              <a:t>, kötüyse ahlaksız veya kötü ahlaklı ifadelerini kullanırız.</a:t>
            </a:r>
            <a:endParaRPr lang="tr-TR" sz="6000" dirty="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8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297086" y="495300"/>
            <a:ext cx="7345326" cy="8839200"/>
          </a:xfrm>
          <a:custGeom>
            <a:avLst/>
            <a:gdLst/>
            <a:ahLst/>
            <a:cxnLst/>
            <a:rect l="l" t="t" r="r" b="b"/>
            <a:pathLst>
              <a:path w="7874812" h="8910679">
                <a:moveTo>
                  <a:pt x="0" y="0"/>
                </a:moveTo>
                <a:lnTo>
                  <a:pt x="7874812" y="0"/>
                </a:lnTo>
                <a:lnTo>
                  <a:pt x="7874812" y="8910679"/>
                </a:lnTo>
                <a:lnTo>
                  <a:pt x="0" y="8910679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3" name="TextBox 3"/>
          <p:cNvSpPr txBox="1"/>
          <p:nvPr/>
        </p:nvSpPr>
        <p:spPr>
          <a:xfrm>
            <a:off x="8289852" y="4229100"/>
            <a:ext cx="9723474" cy="2761734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just">
              <a:lnSpc>
                <a:spcPts val="7279"/>
              </a:lnSpc>
            </a:pPr>
            <a:r>
              <a:rPr lang="tr-TR" sz="5199" b="1" dirty="0">
                <a:solidFill>
                  <a:srgbClr val="000000"/>
                </a:solidFill>
                <a:ea typeface="DejaVu Serif Bold"/>
                <a:cs typeface="DejaVu Serif Bold"/>
                <a:sym typeface="DejaVu Serif Bold"/>
              </a:rPr>
              <a:t>Sizin için en önemli </a:t>
            </a:r>
            <a:r>
              <a:rPr lang="tr-TR" sz="5199" b="1" dirty="0">
                <a:solidFill>
                  <a:srgbClr val="C00000"/>
                </a:solidFill>
                <a:ea typeface="DejaVu Serif Bold"/>
                <a:cs typeface="DejaVu Serif Bold"/>
                <a:sym typeface="DejaVu Serif Bold"/>
              </a:rPr>
              <a:t>üç ahlaki kuralı</a:t>
            </a:r>
            <a:r>
              <a:rPr lang="tr-TR" sz="5199" b="1" dirty="0">
                <a:solidFill>
                  <a:srgbClr val="000000"/>
                </a:solidFill>
                <a:ea typeface="DejaVu Serif Bold"/>
                <a:cs typeface="DejaVu Serif Bold"/>
                <a:sym typeface="DejaVu Serif Bold"/>
              </a:rPr>
              <a:t>, sebepleriyle birlikte açıklayarak yazınız</a:t>
            </a:r>
            <a:r>
              <a:rPr lang="tr-TR" sz="5199" b="1" dirty="0">
                <a:solidFill>
                  <a:srgbClr val="000000"/>
                </a:solidFill>
                <a:latin typeface="DejaVu Serif Bold"/>
                <a:ea typeface="DejaVu Serif Bold"/>
                <a:cs typeface="DejaVu Serif Bold"/>
                <a:sym typeface="DejaVu Serif Bold"/>
              </a:rPr>
              <a:t>.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1702856" y="1622868"/>
            <a:ext cx="1497544" cy="7787831"/>
          </a:xfrm>
          <a:custGeom>
            <a:avLst/>
            <a:gdLst/>
            <a:ahLst/>
            <a:cxnLst/>
            <a:rect l="l" t="t" r="r" b="b"/>
            <a:pathLst>
              <a:path w="1399451" h="7041262">
                <a:moveTo>
                  <a:pt x="0" y="0"/>
                </a:moveTo>
                <a:lnTo>
                  <a:pt x="1399451" y="0"/>
                </a:lnTo>
                <a:lnTo>
                  <a:pt x="1399451" y="7041262"/>
                </a:lnTo>
                <a:lnTo>
                  <a:pt x="0" y="7041262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3" name="TextBox 3"/>
          <p:cNvSpPr txBox="1"/>
          <p:nvPr/>
        </p:nvSpPr>
        <p:spPr>
          <a:xfrm>
            <a:off x="2426819" y="525660"/>
            <a:ext cx="10964231" cy="86273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7279"/>
              </a:lnSpc>
            </a:pPr>
            <a:r>
              <a:rPr lang="tr-TR" sz="5199" b="1" dirty="0">
                <a:solidFill>
                  <a:srgbClr val="000000"/>
                </a:solidFill>
                <a:latin typeface="DejaVu Serif Bold"/>
                <a:ea typeface="DejaVu Serif Bold"/>
                <a:cs typeface="DejaVu Serif Bold"/>
                <a:sym typeface="DejaVu Serif Bold"/>
              </a:rPr>
              <a:t>Bazı a</a:t>
            </a:r>
            <a:r>
              <a:rPr lang="en-US" sz="5199" b="1" dirty="0" err="1">
                <a:solidFill>
                  <a:srgbClr val="000000"/>
                </a:solidFill>
                <a:latin typeface="DejaVu Serif Bold"/>
                <a:ea typeface="DejaVu Serif Bold"/>
                <a:cs typeface="DejaVu Serif Bold"/>
                <a:sym typeface="DejaVu Serif Bold"/>
              </a:rPr>
              <a:t>hlaki</a:t>
            </a:r>
            <a:r>
              <a:rPr lang="en-US" sz="5199" b="1" dirty="0">
                <a:solidFill>
                  <a:srgbClr val="000000"/>
                </a:solidFill>
                <a:latin typeface="DejaVu Serif Bold"/>
                <a:ea typeface="DejaVu Serif Bold"/>
                <a:cs typeface="DejaVu Serif Bold"/>
                <a:sym typeface="DejaVu Serif Bold"/>
              </a:rPr>
              <a:t> </a:t>
            </a:r>
            <a:r>
              <a:rPr lang="tr-TR" sz="5199" b="1" dirty="0">
                <a:solidFill>
                  <a:srgbClr val="000000"/>
                </a:solidFill>
                <a:latin typeface="DejaVu Serif Bold"/>
                <a:ea typeface="DejaVu Serif Bold"/>
                <a:cs typeface="DejaVu Serif Bold"/>
                <a:sym typeface="DejaVu Serif Bold"/>
              </a:rPr>
              <a:t>davranışlar</a:t>
            </a:r>
          </a:p>
        </p:txBody>
      </p:sp>
      <p:sp>
        <p:nvSpPr>
          <p:cNvPr id="4" name="Metin kutusu 3">
            <a:extLst>
              <a:ext uri="{FF2B5EF4-FFF2-40B4-BE49-F238E27FC236}">
                <a16:creationId xmlns:a16="http://schemas.microsoft.com/office/drawing/2014/main" id="{82066504-CE52-7095-0D4B-A720AC75F56A}"/>
              </a:ext>
            </a:extLst>
          </p:cNvPr>
          <p:cNvSpPr txBox="1"/>
          <p:nvPr/>
        </p:nvSpPr>
        <p:spPr>
          <a:xfrm>
            <a:off x="3200400" y="4308211"/>
            <a:ext cx="10964230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4400" dirty="0"/>
              <a:t>Adaletli olmak, kimsenin hakkına girmemek</a:t>
            </a:r>
          </a:p>
        </p:txBody>
      </p:sp>
      <p:sp>
        <p:nvSpPr>
          <p:cNvPr id="5" name="Metin kutusu 4">
            <a:extLst>
              <a:ext uri="{FF2B5EF4-FFF2-40B4-BE49-F238E27FC236}">
                <a16:creationId xmlns:a16="http://schemas.microsoft.com/office/drawing/2014/main" id="{C638DCD0-E1B8-69BF-B136-8F301BB86AE9}"/>
              </a:ext>
            </a:extLst>
          </p:cNvPr>
          <p:cNvSpPr txBox="1"/>
          <p:nvPr/>
        </p:nvSpPr>
        <p:spPr>
          <a:xfrm>
            <a:off x="3200400" y="2247900"/>
            <a:ext cx="10964230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4400" dirty="0"/>
              <a:t>Doğru sözlü olmak, yalan söylememek </a:t>
            </a:r>
          </a:p>
        </p:txBody>
      </p:sp>
      <p:sp>
        <p:nvSpPr>
          <p:cNvPr id="6" name="Metin kutusu 5">
            <a:extLst>
              <a:ext uri="{FF2B5EF4-FFF2-40B4-BE49-F238E27FC236}">
                <a16:creationId xmlns:a16="http://schemas.microsoft.com/office/drawing/2014/main" id="{8D5059B8-7670-FA55-C8C4-17D029FEB289}"/>
              </a:ext>
            </a:extLst>
          </p:cNvPr>
          <p:cNvSpPr txBox="1"/>
          <p:nvPr/>
        </p:nvSpPr>
        <p:spPr>
          <a:xfrm>
            <a:off x="3200400" y="8428834"/>
            <a:ext cx="10964230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4400" dirty="0"/>
              <a:t>Merhametli olmak, yardımseverlik</a:t>
            </a:r>
          </a:p>
        </p:txBody>
      </p:sp>
      <p:sp>
        <p:nvSpPr>
          <p:cNvPr id="7" name="Metin kutusu 6">
            <a:extLst>
              <a:ext uri="{FF2B5EF4-FFF2-40B4-BE49-F238E27FC236}">
                <a16:creationId xmlns:a16="http://schemas.microsoft.com/office/drawing/2014/main" id="{E79A7635-C827-06CE-2AA8-4660A4EFA680}"/>
              </a:ext>
            </a:extLst>
          </p:cNvPr>
          <p:cNvSpPr txBox="1"/>
          <p:nvPr/>
        </p:nvSpPr>
        <p:spPr>
          <a:xfrm>
            <a:off x="3200400" y="6368522"/>
            <a:ext cx="10964230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tr-TR" sz="4400" dirty="0"/>
              <a:t>Saygılı olmak, nazik ve kibar olmak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5" grpId="0"/>
      <p:bldP spid="6" grpId="0"/>
      <p:bldP spid="7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Unvan 1">
            <a:extLst>
              <a:ext uri="{FF2B5EF4-FFF2-40B4-BE49-F238E27FC236}">
                <a16:creationId xmlns:a16="http://schemas.microsoft.com/office/drawing/2014/main" id="{C020EFBF-A59E-6977-D25D-628569659B57}"/>
              </a:ext>
            </a:extLst>
          </p:cNvPr>
          <p:cNvSpPr txBox="1">
            <a:spLocks/>
          </p:cNvSpPr>
          <p:nvPr/>
        </p:nvSpPr>
        <p:spPr>
          <a:xfrm>
            <a:off x="379284" y="7396328"/>
            <a:ext cx="16798533" cy="1823674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 w="6350" cap="flat" cmpd="sng" algn="ctr">
            <a:solidFill>
              <a:schemeClr val="bg2"/>
            </a:solidFill>
            <a:prstDash val="solid"/>
            <a:miter lim="800000"/>
          </a:ln>
          <a:effectLst/>
        </p:spPr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b="0" i="0" u="none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457200" marR="0" lvl="0" indent="-457200" algn="l" defTabSz="914400" rtl="0" eaLnBrk="1" fontAlgn="auto" latinLnBrk="0" hangingPunct="1">
              <a:lnSpc>
                <a:spcPct val="9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 typeface="Wingdings" panose="05000000000000000000" pitchFamily="2" charset="2"/>
              <a:buChar char="Ø"/>
              <a:tabLst/>
              <a:defRPr/>
            </a:pP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Peygamberimizin bu sözüne göre bir </a:t>
            </a: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srgbClr val="FF000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Müslümanı</a:t>
            </a:r>
            <a:r>
              <a:rPr kumimoji="0" lang="tr-TR" sz="40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 mükemmel yapan özellikler nelerdir?</a:t>
            </a:r>
          </a:p>
        </p:txBody>
      </p:sp>
      <p:pic>
        <p:nvPicPr>
          <p:cNvPr id="3" name="Resim 2">
            <a:extLst>
              <a:ext uri="{FF2B5EF4-FFF2-40B4-BE49-F238E27FC236}">
                <a16:creationId xmlns:a16="http://schemas.microsoft.com/office/drawing/2014/main" id="{C16A03F6-219B-B50E-8531-68604F54493E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b="30733"/>
          <a:stretch/>
        </p:blipFill>
        <p:spPr>
          <a:xfrm>
            <a:off x="388250" y="524986"/>
            <a:ext cx="8413488" cy="6477000"/>
          </a:xfrm>
          <a:prstGeom prst="rect">
            <a:avLst/>
          </a:prstGeom>
        </p:spPr>
      </p:pic>
      <p:pic>
        <p:nvPicPr>
          <p:cNvPr id="4" name="Google Shape;1238;p68">
            <a:extLst>
              <a:ext uri="{FF2B5EF4-FFF2-40B4-BE49-F238E27FC236}">
                <a16:creationId xmlns:a16="http://schemas.microsoft.com/office/drawing/2014/main" id="{E05608DA-F210-4BF0-ACFB-1047AD1B7992}"/>
              </a:ext>
            </a:extLst>
          </p:cNvPr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9180276" y="-818173"/>
            <a:ext cx="9134622" cy="8666747"/>
          </a:xfrm>
          <a:prstGeom prst="rect">
            <a:avLst/>
          </a:prstGeom>
          <a:noFill/>
          <a:ln>
            <a:noFill/>
          </a:ln>
        </p:spPr>
      </p:pic>
      <p:sp>
        <p:nvSpPr>
          <p:cNvPr id="5" name="Dikdörtgen 4">
            <a:extLst>
              <a:ext uri="{FF2B5EF4-FFF2-40B4-BE49-F238E27FC236}">
                <a16:creationId xmlns:a16="http://schemas.microsoft.com/office/drawing/2014/main" id="{1329E840-E2B2-685A-B30E-3D77867AE863}"/>
              </a:ext>
            </a:extLst>
          </p:cNvPr>
          <p:cNvSpPr/>
          <p:nvPr/>
        </p:nvSpPr>
        <p:spPr>
          <a:xfrm>
            <a:off x="10173341" y="1912346"/>
            <a:ext cx="6977582" cy="276691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just" defTabSz="914400" eaLnBrk="1" fontAlgn="auto" latinLnBrk="0" hangingPunct="1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40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</a:rPr>
              <a:t>“Müminlerin iman bakımından en mükemmeli, ahlak yönünden en güzel olanıdır.”</a:t>
            </a:r>
          </a:p>
        </p:txBody>
      </p:sp>
      <p:sp>
        <p:nvSpPr>
          <p:cNvPr id="6" name="Dikdörtgen 5">
            <a:extLst>
              <a:ext uri="{FF2B5EF4-FFF2-40B4-BE49-F238E27FC236}">
                <a16:creationId xmlns:a16="http://schemas.microsoft.com/office/drawing/2014/main" id="{1603EF62-B74A-DAA4-A156-6E22F9C7BB41}"/>
              </a:ext>
            </a:extLst>
          </p:cNvPr>
          <p:cNvSpPr/>
          <p:nvPr/>
        </p:nvSpPr>
        <p:spPr>
          <a:xfrm>
            <a:off x="11887199" y="4804400"/>
            <a:ext cx="5290618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</a:rPr>
              <a:t>Hz. Muhammed </a:t>
            </a:r>
          </a:p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</a:rPr>
              <a:t>(</a:t>
            </a:r>
            <a:r>
              <a:rPr kumimoji="0" lang="tr-TR" sz="3600" b="0" i="0" u="none" strike="noStrike" kern="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</a:rPr>
              <a:t>sallallahu</a:t>
            </a: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</a:rPr>
              <a:t> aleyhi ve </a:t>
            </a:r>
            <a:r>
              <a:rPr kumimoji="0" lang="tr-TR" sz="3600" b="0" i="0" u="none" strike="noStrike" kern="0" cap="none" spc="0" normalizeH="0" baseline="0" noProof="0" dirty="0" err="1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</a:rPr>
              <a:t>sellem</a:t>
            </a:r>
            <a:r>
              <a:rPr kumimoji="0" lang="tr-TR" sz="36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</a:rPr>
              <a:t>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980547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ikdörtgen 3">
            <a:extLst>
              <a:ext uri="{FF2B5EF4-FFF2-40B4-BE49-F238E27FC236}">
                <a16:creationId xmlns:a16="http://schemas.microsoft.com/office/drawing/2014/main" id="{6445DBC3-F621-78EA-342B-4B361B19FE35}"/>
              </a:ext>
            </a:extLst>
          </p:cNvPr>
          <p:cNvSpPr/>
          <p:nvPr/>
        </p:nvSpPr>
        <p:spPr>
          <a:xfrm>
            <a:off x="196935" y="2870741"/>
            <a:ext cx="8686800" cy="6591300"/>
          </a:xfrm>
          <a:prstGeom prst="rect">
            <a:avLst/>
          </a:prstGeom>
          <a:solidFill>
            <a:schemeClr val="accent3">
              <a:lumMod val="40000"/>
              <a:lumOff val="60000"/>
            </a:schemeClr>
          </a:solidFill>
          <a:ln>
            <a:noFill/>
          </a:ln>
          <a:effectLst>
            <a:outerShdw blurRad="698500" dist="38100" dir="2700000" algn="tl" rotWithShape="0">
              <a:prstClr val="black">
                <a:alpha val="44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B7463EA7-ABF5-96E6-34CF-AEE212E80109}"/>
              </a:ext>
            </a:extLst>
          </p:cNvPr>
          <p:cNvSpPr/>
          <p:nvPr/>
        </p:nvSpPr>
        <p:spPr>
          <a:xfrm>
            <a:off x="1462862" y="723900"/>
            <a:ext cx="6210300" cy="2705100"/>
          </a:xfrm>
          <a:prstGeom prst="ellipse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  <a:effectLst>
            <a:outerShdw blurRad="3810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2" name="Freeform 2"/>
          <p:cNvSpPr/>
          <p:nvPr/>
        </p:nvSpPr>
        <p:spPr>
          <a:xfrm>
            <a:off x="157665" y="48101"/>
            <a:ext cx="2286000" cy="2786989"/>
          </a:xfrm>
          <a:custGeom>
            <a:avLst/>
            <a:gdLst/>
            <a:ahLst/>
            <a:cxnLst/>
            <a:rect l="l" t="t" r="r" b="b"/>
            <a:pathLst>
              <a:path w="3070116" h="3617221">
                <a:moveTo>
                  <a:pt x="0" y="0"/>
                </a:moveTo>
                <a:lnTo>
                  <a:pt x="3070116" y="0"/>
                </a:lnTo>
                <a:lnTo>
                  <a:pt x="3070116" y="3617221"/>
                </a:lnTo>
                <a:lnTo>
                  <a:pt x="0" y="3617221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7" name="Metin kutusu 6">
            <a:extLst>
              <a:ext uri="{FF2B5EF4-FFF2-40B4-BE49-F238E27FC236}">
                <a16:creationId xmlns:a16="http://schemas.microsoft.com/office/drawing/2014/main" id="{9642E84C-5E94-010B-F5AE-F02C450595AF}"/>
              </a:ext>
            </a:extLst>
          </p:cNvPr>
          <p:cNvSpPr txBox="1"/>
          <p:nvPr/>
        </p:nvSpPr>
        <p:spPr>
          <a:xfrm>
            <a:off x="2131828" y="1189960"/>
            <a:ext cx="5477539" cy="144655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tr-TR" sz="4400" dirty="0"/>
              <a:t>Güzel ahlaka </a:t>
            </a:r>
            <a:r>
              <a:rPr lang="tr-TR" sz="4400" u="sng" dirty="0">
                <a:solidFill>
                  <a:srgbClr val="C00000"/>
                </a:solidFill>
              </a:rPr>
              <a:t>uygun</a:t>
            </a:r>
          </a:p>
          <a:p>
            <a:pPr algn="ctr"/>
            <a:r>
              <a:rPr lang="tr-TR" sz="4400" dirty="0"/>
              <a:t>davranışlar:</a:t>
            </a:r>
          </a:p>
        </p:txBody>
      </p:sp>
      <p:sp>
        <p:nvSpPr>
          <p:cNvPr id="12" name="Dikdörtgen 11">
            <a:extLst>
              <a:ext uri="{FF2B5EF4-FFF2-40B4-BE49-F238E27FC236}">
                <a16:creationId xmlns:a16="http://schemas.microsoft.com/office/drawing/2014/main" id="{A8E0F15E-D5AC-4923-4F1B-E652AB24C2F7}"/>
              </a:ext>
            </a:extLst>
          </p:cNvPr>
          <p:cNvSpPr/>
          <p:nvPr/>
        </p:nvSpPr>
        <p:spPr>
          <a:xfrm>
            <a:off x="9350427" y="2870741"/>
            <a:ext cx="8686800" cy="6591300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  <a:ln>
            <a:noFill/>
          </a:ln>
          <a:effectLst>
            <a:outerShdw blurRad="698500" dist="38100" dir="2700000" algn="tl" rotWithShape="0">
              <a:prstClr val="black">
                <a:alpha val="44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13" name="Oval 12">
            <a:extLst>
              <a:ext uri="{FF2B5EF4-FFF2-40B4-BE49-F238E27FC236}">
                <a16:creationId xmlns:a16="http://schemas.microsoft.com/office/drawing/2014/main" id="{0BD11E44-D6E8-461E-75B5-0E75C6797671}"/>
              </a:ext>
            </a:extLst>
          </p:cNvPr>
          <p:cNvSpPr/>
          <p:nvPr/>
        </p:nvSpPr>
        <p:spPr>
          <a:xfrm>
            <a:off x="10695466" y="723900"/>
            <a:ext cx="6210300" cy="2705100"/>
          </a:xfrm>
          <a:prstGeom prst="ellipse">
            <a:avLst/>
          </a:prstGeom>
          <a:solidFill>
            <a:schemeClr val="accent6">
              <a:lumMod val="40000"/>
              <a:lumOff val="60000"/>
            </a:schemeClr>
          </a:solidFill>
          <a:ln>
            <a:noFill/>
          </a:ln>
          <a:effectLst>
            <a:outerShdw blurRad="3810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tr-TR"/>
          </a:p>
        </p:txBody>
      </p:sp>
      <p:sp>
        <p:nvSpPr>
          <p:cNvPr id="15" name="Metin kutusu 14">
            <a:extLst>
              <a:ext uri="{FF2B5EF4-FFF2-40B4-BE49-F238E27FC236}">
                <a16:creationId xmlns:a16="http://schemas.microsoft.com/office/drawing/2014/main" id="{25084742-62C3-CE16-F575-912A75388D7F}"/>
              </a:ext>
            </a:extLst>
          </p:cNvPr>
          <p:cNvSpPr txBox="1"/>
          <p:nvPr/>
        </p:nvSpPr>
        <p:spPr>
          <a:xfrm>
            <a:off x="10568763" y="1441596"/>
            <a:ext cx="5477539" cy="144655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tr-TR" sz="4400" dirty="0"/>
              <a:t>Güzel ahlaka </a:t>
            </a:r>
            <a:r>
              <a:rPr lang="tr-TR" sz="4400" dirty="0">
                <a:solidFill>
                  <a:srgbClr val="C00000"/>
                </a:solidFill>
              </a:rPr>
              <a:t>aykırı</a:t>
            </a:r>
          </a:p>
          <a:p>
            <a:pPr algn="ctr"/>
            <a:r>
              <a:rPr lang="tr-TR" sz="4400" dirty="0"/>
              <a:t>davranışlar:</a:t>
            </a:r>
          </a:p>
        </p:txBody>
      </p:sp>
      <p:sp>
        <p:nvSpPr>
          <p:cNvPr id="3" name="Freeform 3"/>
          <p:cNvSpPr/>
          <p:nvPr/>
        </p:nvSpPr>
        <p:spPr>
          <a:xfrm rot="10713261">
            <a:off x="15831954" y="1220086"/>
            <a:ext cx="2422298" cy="2705961"/>
          </a:xfrm>
          <a:custGeom>
            <a:avLst/>
            <a:gdLst/>
            <a:ahLst/>
            <a:cxnLst/>
            <a:rect l="l" t="t" r="r" b="b"/>
            <a:pathLst>
              <a:path w="3070116" h="3617221">
                <a:moveTo>
                  <a:pt x="0" y="0"/>
                </a:moveTo>
                <a:lnTo>
                  <a:pt x="3070116" y="0"/>
                </a:lnTo>
                <a:lnTo>
                  <a:pt x="3070116" y="3617220"/>
                </a:lnTo>
                <a:lnTo>
                  <a:pt x="0" y="3617220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/>
          </a:p>
        </p:txBody>
      </p:sp>
      <p:sp>
        <p:nvSpPr>
          <p:cNvPr id="6" name="Metin kutusu 5">
            <a:extLst>
              <a:ext uri="{FF2B5EF4-FFF2-40B4-BE49-F238E27FC236}">
                <a16:creationId xmlns:a16="http://schemas.microsoft.com/office/drawing/2014/main" id="{5B6A88C2-5CE1-CFFE-20D2-E70745AF7D6A}"/>
              </a:ext>
            </a:extLst>
          </p:cNvPr>
          <p:cNvSpPr txBox="1"/>
          <p:nvPr/>
        </p:nvSpPr>
        <p:spPr>
          <a:xfrm>
            <a:off x="426631" y="4707699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Güzel konuşmak</a:t>
            </a:r>
          </a:p>
        </p:txBody>
      </p:sp>
      <p:sp>
        <p:nvSpPr>
          <p:cNvPr id="8" name="Metin kutusu 7">
            <a:extLst>
              <a:ext uri="{FF2B5EF4-FFF2-40B4-BE49-F238E27FC236}">
                <a16:creationId xmlns:a16="http://schemas.microsoft.com/office/drawing/2014/main" id="{7EAD0695-60A3-50EE-C050-64997CE98AB3}"/>
              </a:ext>
            </a:extLst>
          </p:cNvPr>
          <p:cNvSpPr txBox="1"/>
          <p:nvPr/>
        </p:nvSpPr>
        <p:spPr>
          <a:xfrm>
            <a:off x="426631" y="3569107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Temiz olmak, sınıfımızı temiz tutmak</a:t>
            </a:r>
          </a:p>
        </p:txBody>
      </p:sp>
      <p:sp>
        <p:nvSpPr>
          <p:cNvPr id="9" name="Metin kutusu 8">
            <a:extLst>
              <a:ext uri="{FF2B5EF4-FFF2-40B4-BE49-F238E27FC236}">
                <a16:creationId xmlns:a16="http://schemas.microsoft.com/office/drawing/2014/main" id="{E39A7CF0-F560-5DD4-E0DA-3DA2DD2AD971}"/>
              </a:ext>
            </a:extLst>
          </p:cNvPr>
          <p:cNvSpPr txBox="1"/>
          <p:nvPr/>
        </p:nvSpPr>
        <p:spPr>
          <a:xfrm>
            <a:off x="426631" y="5846291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Doğru sözlü olmak</a:t>
            </a:r>
          </a:p>
        </p:txBody>
      </p:sp>
      <p:sp>
        <p:nvSpPr>
          <p:cNvPr id="10" name="Metin kutusu 9">
            <a:extLst>
              <a:ext uri="{FF2B5EF4-FFF2-40B4-BE49-F238E27FC236}">
                <a16:creationId xmlns:a16="http://schemas.microsoft.com/office/drawing/2014/main" id="{3C3D6363-D815-2D68-89DA-A80BD0D90A95}"/>
              </a:ext>
            </a:extLst>
          </p:cNvPr>
          <p:cNvSpPr txBox="1"/>
          <p:nvPr/>
        </p:nvSpPr>
        <p:spPr>
          <a:xfrm>
            <a:off x="426631" y="6984883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Yardımsever olmak</a:t>
            </a:r>
          </a:p>
        </p:txBody>
      </p:sp>
      <p:sp>
        <p:nvSpPr>
          <p:cNvPr id="11" name="Metin kutusu 10">
            <a:extLst>
              <a:ext uri="{FF2B5EF4-FFF2-40B4-BE49-F238E27FC236}">
                <a16:creationId xmlns:a16="http://schemas.microsoft.com/office/drawing/2014/main" id="{2DE7D295-6140-BF05-6D6B-87E031772740}"/>
              </a:ext>
            </a:extLst>
          </p:cNvPr>
          <p:cNvSpPr txBox="1"/>
          <p:nvPr/>
        </p:nvSpPr>
        <p:spPr>
          <a:xfrm>
            <a:off x="426631" y="8123476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Merhametli olmak</a:t>
            </a:r>
          </a:p>
        </p:txBody>
      </p:sp>
      <p:sp>
        <p:nvSpPr>
          <p:cNvPr id="14" name="Metin kutusu 13">
            <a:extLst>
              <a:ext uri="{FF2B5EF4-FFF2-40B4-BE49-F238E27FC236}">
                <a16:creationId xmlns:a16="http://schemas.microsoft.com/office/drawing/2014/main" id="{B3B186A1-1BC5-9378-6617-4150E0A9FE09}"/>
              </a:ext>
            </a:extLst>
          </p:cNvPr>
          <p:cNvSpPr txBox="1"/>
          <p:nvPr/>
        </p:nvSpPr>
        <p:spPr>
          <a:xfrm>
            <a:off x="9713072" y="3609405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Yere çöp atmak, etrafı kirletmek</a:t>
            </a:r>
          </a:p>
        </p:txBody>
      </p:sp>
      <p:sp>
        <p:nvSpPr>
          <p:cNvPr id="16" name="Metin kutusu 15">
            <a:extLst>
              <a:ext uri="{FF2B5EF4-FFF2-40B4-BE49-F238E27FC236}">
                <a16:creationId xmlns:a16="http://schemas.microsoft.com/office/drawing/2014/main" id="{4E53D39D-5212-E6E7-B09D-4DCC18680A25}"/>
              </a:ext>
            </a:extLst>
          </p:cNvPr>
          <p:cNvSpPr txBox="1"/>
          <p:nvPr/>
        </p:nvSpPr>
        <p:spPr>
          <a:xfrm>
            <a:off x="9713072" y="5908799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Yalan söylemek</a:t>
            </a:r>
          </a:p>
        </p:txBody>
      </p:sp>
      <p:sp>
        <p:nvSpPr>
          <p:cNvPr id="17" name="Metin kutusu 16">
            <a:extLst>
              <a:ext uri="{FF2B5EF4-FFF2-40B4-BE49-F238E27FC236}">
                <a16:creationId xmlns:a16="http://schemas.microsoft.com/office/drawing/2014/main" id="{092CBA4D-8F67-7B68-1203-148BA664C8FA}"/>
              </a:ext>
            </a:extLst>
          </p:cNvPr>
          <p:cNvSpPr txBox="1"/>
          <p:nvPr/>
        </p:nvSpPr>
        <p:spPr>
          <a:xfrm>
            <a:off x="9713072" y="4759102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Kötü söz söylemek</a:t>
            </a:r>
          </a:p>
        </p:txBody>
      </p:sp>
      <p:sp>
        <p:nvSpPr>
          <p:cNvPr id="18" name="Metin kutusu 17">
            <a:extLst>
              <a:ext uri="{FF2B5EF4-FFF2-40B4-BE49-F238E27FC236}">
                <a16:creationId xmlns:a16="http://schemas.microsoft.com/office/drawing/2014/main" id="{B62B9ECF-7D22-4CFA-4AAA-D9CB3518FC2A}"/>
              </a:ext>
            </a:extLst>
          </p:cNvPr>
          <p:cNvSpPr txBox="1"/>
          <p:nvPr/>
        </p:nvSpPr>
        <p:spPr>
          <a:xfrm>
            <a:off x="9713072" y="7058496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Cimri olmak</a:t>
            </a:r>
          </a:p>
        </p:txBody>
      </p:sp>
      <p:sp>
        <p:nvSpPr>
          <p:cNvPr id="19" name="Metin kutusu 18">
            <a:extLst>
              <a:ext uri="{FF2B5EF4-FFF2-40B4-BE49-F238E27FC236}">
                <a16:creationId xmlns:a16="http://schemas.microsoft.com/office/drawing/2014/main" id="{403C2472-E07F-49CE-9F7B-E85091D3EBA8}"/>
              </a:ext>
            </a:extLst>
          </p:cNvPr>
          <p:cNvSpPr txBox="1"/>
          <p:nvPr/>
        </p:nvSpPr>
        <p:spPr>
          <a:xfrm>
            <a:off x="9713072" y="8208193"/>
            <a:ext cx="8546803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571500" indent="-571500">
              <a:buFont typeface="Wingdings" panose="05000000000000000000" pitchFamily="2" charset="2"/>
              <a:buChar char="ü"/>
            </a:pPr>
            <a:r>
              <a:rPr lang="tr-TR" sz="4000" dirty="0"/>
              <a:t>Çevreye zarar vermek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8" grpId="0"/>
      <p:bldP spid="9" grpId="0"/>
      <p:bldP spid="10" grpId="0"/>
      <p:bldP spid="11" grpId="0"/>
      <p:bldP spid="14" grpId="0"/>
      <p:bldP spid="16" grpId="0"/>
      <p:bldP spid="17" grpId="0"/>
      <p:bldP spid="18" grpId="0"/>
      <p:bldP spid="19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2F8FA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 rot="5400000">
            <a:off x="6309337" y="-4309148"/>
            <a:ext cx="5334045" cy="22109195"/>
            <a:chOff x="0" y="0"/>
            <a:chExt cx="1945874" cy="8065494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1945874" cy="8065494"/>
            </a:xfrm>
            <a:custGeom>
              <a:avLst/>
              <a:gdLst/>
              <a:ahLst/>
              <a:cxnLst/>
              <a:rect l="l" t="t" r="r" b="b"/>
              <a:pathLst>
                <a:path w="1945874" h="8065494">
                  <a:moveTo>
                    <a:pt x="0" y="0"/>
                  </a:moveTo>
                  <a:lnTo>
                    <a:pt x="1945874" y="0"/>
                  </a:lnTo>
                  <a:lnTo>
                    <a:pt x="1945874" y="8065494"/>
                  </a:lnTo>
                  <a:lnTo>
                    <a:pt x="0" y="8065494"/>
                  </a:lnTo>
                  <a:close/>
                </a:path>
              </a:pathLst>
            </a:custGeom>
            <a:solidFill>
              <a:srgbClr val="E9EBED"/>
            </a:solidFill>
          </p:spPr>
          <p:txBody>
            <a:bodyPr/>
            <a:lstStyle/>
            <a:p>
              <a:endParaRPr lang="tr-TR" sz="3200"/>
            </a:p>
          </p:txBody>
        </p:sp>
      </p:grpSp>
      <p:grpSp>
        <p:nvGrpSpPr>
          <p:cNvPr id="4" name="Group 4"/>
          <p:cNvGrpSpPr/>
          <p:nvPr/>
        </p:nvGrpSpPr>
        <p:grpSpPr>
          <a:xfrm>
            <a:off x="14002415" y="-460635"/>
            <a:ext cx="4691095" cy="11208270"/>
            <a:chOff x="0" y="0"/>
            <a:chExt cx="1711324" cy="4088807"/>
          </a:xfrm>
        </p:grpSpPr>
        <p:sp>
          <p:nvSpPr>
            <p:cNvPr id="5" name="Freeform 5"/>
            <p:cNvSpPr/>
            <p:nvPr/>
          </p:nvSpPr>
          <p:spPr>
            <a:xfrm>
              <a:off x="0" y="0"/>
              <a:ext cx="1711324" cy="4088807"/>
            </a:xfrm>
            <a:custGeom>
              <a:avLst/>
              <a:gdLst/>
              <a:ahLst/>
              <a:cxnLst/>
              <a:rect l="l" t="t" r="r" b="b"/>
              <a:pathLst>
                <a:path w="1711324" h="4088807">
                  <a:moveTo>
                    <a:pt x="0" y="0"/>
                  </a:moveTo>
                  <a:lnTo>
                    <a:pt x="1711324" y="0"/>
                  </a:lnTo>
                  <a:lnTo>
                    <a:pt x="1711324" y="4088807"/>
                  </a:lnTo>
                  <a:lnTo>
                    <a:pt x="0" y="4088807"/>
                  </a:lnTo>
                  <a:close/>
                </a:path>
              </a:pathLst>
            </a:custGeom>
            <a:solidFill>
              <a:srgbClr val="C8B7B2"/>
            </a:solidFill>
          </p:spPr>
          <p:txBody>
            <a:bodyPr/>
            <a:lstStyle/>
            <a:p>
              <a:endParaRPr lang="tr-TR" sz="3200"/>
            </a:p>
          </p:txBody>
        </p:sp>
      </p:grpSp>
      <p:grpSp>
        <p:nvGrpSpPr>
          <p:cNvPr id="6" name="Group 6"/>
          <p:cNvGrpSpPr/>
          <p:nvPr/>
        </p:nvGrpSpPr>
        <p:grpSpPr>
          <a:xfrm>
            <a:off x="9999572" y="1924347"/>
            <a:ext cx="7556025" cy="6438305"/>
            <a:chOff x="0" y="0"/>
            <a:chExt cx="8130961" cy="6928194"/>
          </a:xfrm>
        </p:grpSpPr>
        <p:sp>
          <p:nvSpPr>
            <p:cNvPr id="7" name="Freeform 7"/>
            <p:cNvSpPr/>
            <p:nvPr/>
          </p:nvSpPr>
          <p:spPr>
            <a:xfrm>
              <a:off x="0" y="0"/>
              <a:ext cx="8130960" cy="6928193"/>
            </a:xfrm>
            <a:custGeom>
              <a:avLst/>
              <a:gdLst/>
              <a:ahLst/>
              <a:cxnLst/>
              <a:rect l="l" t="t" r="r" b="b"/>
              <a:pathLst>
                <a:path w="8130960" h="6928193">
                  <a:moveTo>
                    <a:pt x="0" y="0"/>
                  </a:moveTo>
                  <a:lnTo>
                    <a:pt x="0" y="6928193"/>
                  </a:lnTo>
                  <a:lnTo>
                    <a:pt x="8130960" y="6928193"/>
                  </a:lnTo>
                  <a:lnTo>
                    <a:pt x="8130960" y="0"/>
                  </a:lnTo>
                  <a:lnTo>
                    <a:pt x="0" y="0"/>
                  </a:lnTo>
                  <a:close/>
                  <a:moveTo>
                    <a:pt x="8070000" y="6867234"/>
                  </a:moveTo>
                  <a:lnTo>
                    <a:pt x="59690" y="6867234"/>
                  </a:lnTo>
                  <a:lnTo>
                    <a:pt x="59690" y="59690"/>
                  </a:lnTo>
                  <a:lnTo>
                    <a:pt x="8070000" y="59690"/>
                  </a:lnTo>
                  <a:lnTo>
                    <a:pt x="8070000" y="6867234"/>
                  </a:lnTo>
                  <a:close/>
                </a:path>
              </a:pathLst>
            </a:custGeom>
            <a:solidFill>
              <a:srgbClr val="7A443F"/>
            </a:solidFill>
          </p:spPr>
          <p:txBody>
            <a:bodyPr/>
            <a:lstStyle/>
            <a:p>
              <a:endParaRPr lang="tr-TR" sz="3200"/>
            </a:p>
          </p:txBody>
        </p:sp>
      </p:grpSp>
      <p:sp>
        <p:nvSpPr>
          <p:cNvPr id="8" name="Freeform 8"/>
          <p:cNvSpPr/>
          <p:nvPr/>
        </p:nvSpPr>
        <p:spPr>
          <a:xfrm>
            <a:off x="10243710" y="2311275"/>
            <a:ext cx="6985110" cy="5847538"/>
          </a:xfrm>
          <a:custGeom>
            <a:avLst/>
            <a:gdLst/>
            <a:ahLst/>
            <a:cxnLst/>
            <a:rect l="l" t="t" r="r" b="b"/>
            <a:pathLst>
              <a:path w="6985110" h="5847538">
                <a:moveTo>
                  <a:pt x="0" y="0"/>
                </a:moveTo>
                <a:lnTo>
                  <a:pt x="6985110" y="0"/>
                </a:lnTo>
                <a:lnTo>
                  <a:pt x="6985110" y="5847538"/>
                </a:lnTo>
                <a:lnTo>
                  <a:pt x="0" y="5847538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 r="-25650"/>
            </a:stretch>
          </a:blipFill>
        </p:spPr>
        <p:txBody>
          <a:bodyPr/>
          <a:lstStyle/>
          <a:p>
            <a:endParaRPr lang="tr-TR" sz="3200"/>
          </a:p>
        </p:txBody>
      </p:sp>
      <p:grpSp>
        <p:nvGrpSpPr>
          <p:cNvPr id="9" name="Group 9"/>
          <p:cNvGrpSpPr/>
          <p:nvPr/>
        </p:nvGrpSpPr>
        <p:grpSpPr>
          <a:xfrm>
            <a:off x="901165" y="4524957"/>
            <a:ext cx="1092883" cy="930095"/>
            <a:chOff x="0" y="0"/>
            <a:chExt cx="1786927" cy="1520759"/>
          </a:xfrm>
        </p:grpSpPr>
        <p:sp>
          <p:nvSpPr>
            <p:cNvPr id="10" name="Freeform 10"/>
            <p:cNvSpPr/>
            <p:nvPr/>
          </p:nvSpPr>
          <p:spPr>
            <a:xfrm>
              <a:off x="0" y="0"/>
              <a:ext cx="1786927" cy="1520759"/>
            </a:xfrm>
            <a:custGeom>
              <a:avLst/>
              <a:gdLst/>
              <a:ahLst/>
              <a:cxnLst/>
              <a:rect l="l" t="t" r="r" b="b"/>
              <a:pathLst>
                <a:path w="1786927" h="1520759">
                  <a:moveTo>
                    <a:pt x="0" y="0"/>
                  </a:moveTo>
                  <a:lnTo>
                    <a:pt x="1786927" y="0"/>
                  </a:lnTo>
                  <a:lnTo>
                    <a:pt x="1786927" y="1520759"/>
                  </a:lnTo>
                  <a:lnTo>
                    <a:pt x="0" y="1520759"/>
                  </a:lnTo>
                  <a:close/>
                </a:path>
              </a:pathLst>
            </a:custGeom>
            <a:solidFill>
              <a:srgbClr val="C18B6D"/>
            </a:solidFill>
          </p:spPr>
          <p:txBody>
            <a:bodyPr/>
            <a:lstStyle/>
            <a:p>
              <a:endParaRPr lang="tr-TR" sz="3200"/>
            </a:p>
          </p:txBody>
        </p:sp>
      </p:grpSp>
      <p:grpSp>
        <p:nvGrpSpPr>
          <p:cNvPr id="11" name="Group 11"/>
          <p:cNvGrpSpPr/>
          <p:nvPr/>
        </p:nvGrpSpPr>
        <p:grpSpPr>
          <a:xfrm>
            <a:off x="901165" y="5923174"/>
            <a:ext cx="1092883" cy="930095"/>
            <a:chOff x="0" y="0"/>
            <a:chExt cx="1786927" cy="1520759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1786927" cy="1520759"/>
            </a:xfrm>
            <a:custGeom>
              <a:avLst/>
              <a:gdLst/>
              <a:ahLst/>
              <a:cxnLst/>
              <a:rect l="l" t="t" r="r" b="b"/>
              <a:pathLst>
                <a:path w="1786927" h="1520759">
                  <a:moveTo>
                    <a:pt x="0" y="0"/>
                  </a:moveTo>
                  <a:lnTo>
                    <a:pt x="1786927" y="0"/>
                  </a:lnTo>
                  <a:lnTo>
                    <a:pt x="1786927" y="1520759"/>
                  </a:lnTo>
                  <a:lnTo>
                    <a:pt x="0" y="1520759"/>
                  </a:lnTo>
                  <a:close/>
                </a:path>
              </a:pathLst>
            </a:custGeom>
            <a:solidFill>
              <a:srgbClr val="C18B6D"/>
            </a:solidFill>
          </p:spPr>
          <p:txBody>
            <a:bodyPr/>
            <a:lstStyle/>
            <a:p>
              <a:endParaRPr lang="tr-TR" sz="3200"/>
            </a:p>
          </p:txBody>
        </p:sp>
      </p:grpSp>
      <p:grpSp>
        <p:nvGrpSpPr>
          <p:cNvPr id="13" name="Group 13"/>
          <p:cNvGrpSpPr/>
          <p:nvPr/>
        </p:nvGrpSpPr>
        <p:grpSpPr>
          <a:xfrm>
            <a:off x="901165" y="7339153"/>
            <a:ext cx="1092883" cy="930095"/>
            <a:chOff x="0" y="0"/>
            <a:chExt cx="1786927" cy="1520759"/>
          </a:xfrm>
        </p:grpSpPr>
        <p:sp>
          <p:nvSpPr>
            <p:cNvPr id="14" name="Freeform 14"/>
            <p:cNvSpPr/>
            <p:nvPr/>
          </p:nvSpPr>
          <p:spPr>
            <a:xfrm>
              <a:off x="0" y="0"/>
              <a:ext cx="1786927" cy="1520759"/>
            </a:xfrm>
            <a:custGeom>
              <a:avLst/>
              <a:gdLst/>
              <a:ahLst/>
              <a:cxnLst/>
              <a:rect l="l" t="t" r="r" b="b"/>
              <a:pathLst>
                <a:path w="1786927" h="1520759">
                  <a:moveTo>
                    <a:pt x="0" y="0"/>
                  </a:moveTo>
                  <a:lnTo>
                    <a:pt x="1786927" y="0"/>
                  </a:lnTo>
                  <a:lnTo>
                    <a:pt x="1786927" y="1520759"/>
                  </a:lnTo>
                  <a:lnTo>
                    <a:pt x="0" y="1520759"/>
                  </a:lnTo>
                  <a:close/>
                </a:path>
              </a:pathLst>
            </a:custGeom>
            <a:solidFill>
              <a:srgbClr val="C18B6D"/>
            </a:solidFill>
          </p:spPr>
          <p:txBody>
            <a:bodyPr/>
            <a:lstStyle/>
            <a:p>
              <a:endParaRPr lang="tr-TR" sz="3200"/>
            </a:p>
          </p:txBody>
        </p:sp>
      </p:grpSp>
      <p:grpSp>
        <p:nvGrpSpPr>
          <p:cNvPr id="15" name="Group 15"/>
          <p:cNvGrpSpPr/>
          <p:nvPr/>
        </p:nvGrpSpPr>
        <p:grpSpPr>
          <a:xfrm>
            <a:off x="16872697" y="-3574720"/>
            <a:ext cx="682900" cy="4340395"/>
            <a:chOff x="0" y="0"/>
            <a:chExt cx="249124" cy="1583388"/>
          </a:xfrm>
        </p:grpSpPr>
        <p:sp>
          <p:nvSpPr>
            <p:cNvPr id="16" name="Freeform 16"/>
            <p:cNvSpPr/>
            <p:nvPr/>
          </p:nvSpPr>
          <p:spPr>
            <a:xfrm>
              <a:off x="0" y="0"/>
              <a:ext cx="249124" cy="1583388"/>
            </a:xfrm>
            <a:custGeom>
              <a:avLst/>
              <a:gdLst/>
              <a:ahLst/>
              <a:cxnLst/>
              <a:rect l="l" t="t" r="r" b="b"/>
              <a:pathLst>
                <a:path w="249124" h="1583388">
                  <a:moveTo>
                    <a:pt x="0" y="0"/>
                  </a:moveTo>
                  <a:lnTo>
                    <a:pt x="249124" y="0"/>
                  </a:lnTo>
                  <a:lnTo>
                    <a:pt x="249124" y="1583388"/>
                  </a:lnTo>
                  <a:lnTo>
                    <a:pt x="0" y="1583388"/>
                  </a:lnTo>
                  <a:close/>
                </a:path>
              </a:pathLst>
            </a:custGeom>
            <a:solidFill>
              <a:srgbClr val="C18B6D"/>
            </a:solidFill>
          </p:spPr>
          <p:txBody>
            <a:bodyPr/>
            <a:lstStyle/>
            <a:p>
              <a:endParaRPr lang="tr-TR" sz="3200"/>
            </a:p>
          </p:txBody>
        </p:sp>
      </p:grpSp>
      <p:sp>
        <p:nvSpPr>
          <p:cNvPr id="17" name="Freeform 17"/>
          <p:cNvSpPr/>
          <p:nvPr/>
        </p:nvSpPr>
        <p:spPr>
          <a:xfrm>
            <a:off x="1086432" y="4628830"/>
            <a:ext cx="722348" cy="722348"/>
          </a:xfrm>
          <a:custGeom>
            <a:avLst/>
            <a:gdLst/>
            <a:ahLst/>
            <a:cxnLst/>
            <a:rect l="l" t="t" r="r" b="b"/>
            <a:pathLst>
              <a:path w="722348" h="722348">
                <a:moveTo>
                  <a:pt x="0" y="0"/>
                </a:moveTo>
                <a:lnTo>
                  <a:pt x="722349" y="0"/>
                </a:lnTo>
                <a:lnTo>
                  <a:pt x="722349" y="722348"/>
                </a:lnTo>
                <a:lnTo>
                  <a:pt x="0" y="722348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 sz="3200"/>
          </a:p>
        </p:txBody>
      </p:sp>
      <p:sp>
        <p:nvSpPr>
          <p:cNvPr id="18" name="Freeform 18"/>
          <p:cNvSpPr/>
          <p:nvPr/>
        </p:nvSpPr>
        <p:spPr>
          <a:xfrm>
            <a:off x="1086432" y="6027047"/>
            <a:ext cx="722348" cy="722348"/>
          </a:xfrm>
          <a:custGeom>
            <a:avLst/>
            <a:gdLst/>
            <a:ahLst/>
            <a:cxnLst/>
            <a:rect l="l" t="t" r="r" b="b"/>
            <a:pathLst>
              <a:path w="722348" h="722348">
                <a:moveTo>
                  <a:pt x="0" y="0"/>
                </a:moveTo>
                <a:lnTo>
                  <a:pt x="722349" y="0"/>
                </a:lnTo>
                <a:lnTo>
                  <a:pt x="722349" y="722348"/>
                </a:lnTo>
                <a:lnTo>
                  <a:pt x="0" y="722348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 sz="3200"/>
          </a:p>
        </p:txBody>
      </p:sp>
      <p:sp>
        <p:nvSpPr>
          <p:cNvPr id="19" name="Freeform 19"/>
          <p:cNvSpPr/>
          <p:nvPr/>
        </p:nvSpPr>
        <p:spPr>
          <a:xfrm>
            <a:off x="1086432" y="7414521"/>
            <a:ext cx="722348" cy="722348"/>
          </a:xfrm>
          <a:custGeom>
            <a:avLst/>
            <a:gdLst/>
            <a:ahLst/>
            <a:cxnLst/>
            <a:rect l="l" t="t" r="r" b="b"/>
            <a:pathLst>
              <a:path w="722348" h="722348">
                <a:moveTo>
                  <a:pt x="0" y="0"/>
                </a:moveTo>
                <a:lnTo>
                  <a:pt x="722349" y="0"/>
                </a:lnTo>
                <a:lnTo>
                  <a:pt x="722349" y="722348"/>
                </a:lnTo>
                <a:lnTo>
                  <a:pt x="0" y="722348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tr-TR" sz="3200"/>
          </a:p>
        </p:txBody>
      </p:sp>
      <p:sp>
        <p:nvSpPr>
          <p:cNvPr id="20" name="TextBox 20"/>
          <p:cNvSpPr txBox="1"/>
          <p:nvPr/>
        </p:nvSpPr>
        <p:spPr>
          <a:xfrm>
            <a:off x="533399" y="850271"/>
            <a:ext cx="8442960" cy="101566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l"/>
            <a:r>
              <a:rPr lang="en-US" sz="6600" b="1" dirty="0" err="1">
                <a:solidFill>
                  <a:srgbClr val="7A443F"/>
                </a:solidFill>
                <a:ea typeface="League Spartan"/>
                <a:cs typeface="League Spartan"/>
                <a:sym typeface="League Spartan"/>
              </a:rPr>
              <a:t>Dinimizin</a:t>
            </a:r>
            <a:r>
              <a:rPr lang="en-US" sz="6600" b="1" dirty="0">
                <a:solidFill>
                  <a:srgbClr val="7A443F"/>
                </a:solidFill>
                <a:ea typeface="League Spartan"/>
                <a:cs typeface="League Spartan"/>
                <a:sym typeface="League Spartan"/>
              </a:rPr>
              <a:t> </a:t>
            </a:r>
            <a:r>
              <a:rPr lang="en-US" sz="6600" b="1" dirty="0" err="1">
                <a:solidFill>
                  <a:srgbClr val="7A443F"/>
                </a:solidFill>
                <a:ea typeface="League Spartan"/>
                <a:cs typeface="League Spartan"/>
                <a:sym typeface="League Spartan"/>
              </a:rPr>
              <a:t>Temel</a:t>
            </a:r>
            <a:r>
              <a:rPr lang="en-US" sz="6600" b="1" dirty="0">
                <a:solidFill>
                  <a:srgbClr val="7A443F"/>
                </a:solidFill>
                <a:ea typeface="League Spartan"/>
                <a:cs typeface="League Spartan"/>
                <a:sym typeface="League Spartan"/>
              </a:rPr>
              <a:t> </a:t>
            </a:r>
            <a:r>
              <a:rPr lang="en-US" sz="6600" b="1" dirty="0" err="1">
                <a:solidFill>
                  <a:srgbClr val="7A443F"/>
                </a:solidFill>
                <a:ea typeface="League Spartan"/>
                <a:cs typeface="League Spartan"/>
                <a:sym typeface="League Spartan"/>
              </a:rPr>
              <a:t>Hedefi</a:t>
            </a:r>
            <a:r>
              <a:rPr lang="en-US" sz="6600" b="1" dirty="0">
                <a:solidFill>
                  <a:srgbClr val="7A443F"/>
                </a:solidFill>
                <a:ea typeface="League Spartan"/>
                <a:cs typeface="League Spartan"/>
                <a:sym typeface="League Spartan"/>
              </a:rPr>
              <a:t> </a:t>
            </a:r>
          </a:p>
        </p:txBody>
      </p:sp>
      <p:sp>
        <p:nvSpPr>
          <p:cNvPr id="21" name="TextBox 21"/>
          <p:cNvSpPr txBox="1"/>
          <p:nvPr/>
        </p:nvSpPr>
        <p:spPr>
          <a:xfrm>
            <a:off x="235569" y="2093117"/>
            <a:ext cx="9727427" cy="1751249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l">
              <a:lnSpc>
                <a:spcPct val="150000"/>
              </a:lnSpc>
            </a:pPr>
            <a:r>
              <a:rPr lang="en-US" sz="40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Din; </a:t>
            </a:r>
            <a:r>
              <a:rPr lang="en-US" sz="40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nsanlara</a:t>
            </a:r>
            <a:r>
              <a:rPr lang="en-US" sz="40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40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yiyi</a:t>
            </a:r>
            <a:r>
              <a:rPr lang="en-US" sz="40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40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ve</a:t>
            </a:r>
            <a:r>
              <a:rPr lang="en-US" sz="40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40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doğruyu</a:t>
            </a:r>
            <a:r>
              <a:rPr lang="tr-TR" sz="40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40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öğreten</a:t>
            </a:r>
            <a:r>
              <a:rPr lang="en-US" sz="40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,</a:t>
            </a:r>
            <a:r>
              <a:rPr lang="tr-TR" sz="40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kötü söz ve davranışlardan uzak durmasını emreder.</a:t>
            </a:r>
            <a:endParaRPr lang="en-US" sz="4000" dirty="0">
              <a:solidFill>
                <a:srgbClr val="000000"/>
              </a:solidFill>
              <a:ea typeface="Glacial Indifference"/>
              <a:cs typeface="Glacial Indifference"/>
              <a:sym typeface="Glacial Indifference"/>
            </a:endParaRPr>
          </a:p>
        </p:txBody>
      </p:sp>
      <p:sp>
        <p:nvSpPr>
          <p:cNvPr id="22" name="TextBox 22"/>
          <p:cNvSpPr txBox="1"/>
          <p:nvPr/>
        </p:nvSpPr>
        <p:spPr>
          <a:xfrm>
            <a:off x="2102668" y="4347056"/>
            <a:ext cx="7859190" cy="110799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l"/>
            <a:r>
              <a:rPr lang="en-US" sz="36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Din, </a:t>
            </a:r>
            <a:r>
              <a:rPr lang="en-US" sz="36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ahlaki</a:t>
            </a:r>
            <a:r>
              <a:rPr lang="en-US" sz="36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6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lkelere</a:t>
            </a:r>
            <a:r>
              <a:rPr lang="en-US" sz="36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6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uyulmasını</a:t>
            </a:r>
            <a:r>
              <a:rPr lang="en-US" sz="36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6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ster</a:t>
            </a:r>
            <a:r>
              <a:rPr lang="en-US" sz="36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6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ve</a:t>
            </a:r>
            <a:r>
              <a:rPr lang="en-US" sz="36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6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güzel</a:t>
            </a:r>
            <a:r>
              <a:rPr lang="en-US" sz="36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6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davranışları</a:t>
            </a:r>
            <a:r>
              <a:rPr lang="en-US" sz="36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6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emreder</a:t>
            </a:r>
            <a:r>
              <a:rPr lang="en-US" sz="36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.</a:t>
            </a:r>
          </a:p>
        </p:txBody>
      </p:sp>
      <p:sp>
        <p:nvSpPr>
          <p:cNvPr id="23" name="TextBox 23"/>
          <p:cNvSpPr txBox="1"/>
          <p:nvPr/>
        </p:nvSpPr>
        <p:spPr>
          <a:xfrm>
            <a:off x="2102668" y="5883853"/>
            <a:ext cx="7783681" cy="984885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l"/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Din,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bireye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zarar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veren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,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nsanlar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arasındaki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lişkileri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bozan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kötü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davranışları</a:t>
            </a:r>
            <a:r>
              <a:rPr lang="tr-TR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yasaklar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.</a:t>
            </a:r>
          </a:p>
        </p:txBody>
      </p:sp>
      <p:sp>
        <p:nvSpPr>
          <p:cNvPr id="24" name="TextBox 24"/>
          <p:cNvSpPr txBox="1"/>
          <p:nvPr/>
        </p:nvSpPr>
        <p:spPr>
          <a:xfrm>
            <a:off x="2102668" y="7297540"/>
            <a:ext cx="7837876" cy="984885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l"/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İslam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dininde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nanç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ve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badet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esaslarının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yanı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sıra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güzel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ahlak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ilkeleri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de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önemli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bir</a:t>
            </a:r>
            <a:r>
              <a:rPr lang="tr-TR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yer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 </a:t>
            </a:r>
            <a:r>
              <a:rPr lang="en-US" sz="3200" dirty="0" err="1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tutar</a:t>
            </a:r>
            <a:r>
              <a:rPr lang="en-US" sz="3200" dirty="0">
                <a:solidFill>
                  <a:srgbClr val="000000"/>
                </a:solidFill>
                <a:ea typeface="Glacial Indifference"/>
                <a:cs typeface="Glacial Indifference"/>
                <a:sym typeface="Glacial Indifference"/>
              </a:rPr>
              <a:t>.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1"/>
      <p:bldP spid="23" grpId="0"/>
      <p:bldP spid="24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rgbClr val="0094FF">
                <a:alpha val="100000"/>
              </a:srgbClr>
            </a:gs>
            <a:gs pos="100000">
              <a:srgbClr val="003370">
                <a:alpha val="100000"/>
              </a:srgbClr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2"/>
          <p:cNvSpPr/>
          <p:nvPr/>
        </p:nvSpPr>
        <p:spPr>
          <a:xfrm>
            <a:off x="4567644" y="7372376"/>
            <a:ext cx="9152712" cy="2169414"/>
          </a:xfrm>
          <a:custGeom>
            <a:avLst/>
            <a:gdLst/>
            <a:ahLst/>
            <a:cxnLst/>
            <a:rect l="l" t="t" r="r" b="b"/>
            <a:pathLst>
              <a:path w="9152712" h="2169414">
                <a:moveTo>
                  <a:pt x="0" y="0"/>
                </a:moveTo>
                <a:lnTo>
                  <a:pt x="9152712" y="0"/>
                </a:lnTo>
                <a:lnTo>
                  <a:pt x="9152712" y="2169414"/>
                </a:lnTo>
                <a:lnTo>
                  <a:pt x="0" y="2169414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  <p:txBody>
          <a:bodyPr/>
          <a:lstStyle/>
          <a:p>
            <a:pPr defTabSz="914445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3" name="Freeform 3">
            <a:hlinkClick r:id="" action="ppaction://hlinkshowjump?jump=nextslide"/>
          </p:cNvPr>
          <p:cNvSpPr/>
          <p:nvPr/>
        </p:nvSpPr>
        <p:spPr>
          <a:xfrm>
            <a:off x="4409036" y="1852985"/>
            <a:ext cx="9469931" cy="5987099"/>
          </a:xfrm>
          <a:custGeom>
            <a:avLst/>
            <a:gdLst/>
            <a:ahLst/>
            <a:cxnLst/>
            <a:rect l="l" t="t" r="r" b="b"/>
            <a:pathLst>
              <a:path w="9469930" h="5987098">
                <a:moveTo>
                  <a:pt x="0" y="0"/>
                </a:moveTo>
                <a:lnTo>
                  <a:pt x="9469930" y="0"/>
                </a:lnTo>
                <a:lnTo>
                  <a:pt x="9469930" y="5987099"/>
                </a:lnTo>
                <a:lnTo>
                  <a:pt x="0" y="5987099"/>
                </a:lnTo>
                <a:lnTo>
                  <a:pt x="0" y="0"/>
                </a:lnTo>
                <a:close/>
              </a:path>
            </a:pathLst>
          </a:custGeom>
          <a:blipFill>
            <a:blip r:embed="rId5"/>
            <a:stretch>
              <a:fillRect l="-22896" r="-23141"/>
            </a:stretch>
          </a:blipFill>
        </p:spPr>
        <p:txBody>
          <a:bodyPr/>
          <a:lstStyle/>
          <a:p>
            <a:pPr defTabSz="914445"/>
            <a:endParaRPr lang="tr-TR" dirty="0">
              <a:solidFill>
                <a:prstClr val="black"/>
              </a:solidFill>
              <a:latin typeface="Calibri"/>
            </a:endParaRPr>
          </a:p>
        </p:txBody>
      </p:sp>
      <p:pic>
        <p:nvPicPr>
          <p:cNvPr id="4" name="Picture 4"/>
          <p:cNvPicPr>
            <a:picLocks noChangeAspect="1"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-1457971" y="-1004868"/>
            <a:ext cx="2915942" cy="2478551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16830031" y="9047726"/>
            <a:ext cx="2915942" cy="2478551"/>
          </a:xfrm>
          <a:prstGeom prst="rect">
            <a:avLst/>
          </a:prstGeom>
        </p:spPr>
      </p:pic>
      <p:sp>
        <p:nvSpPr>
          <p:cNvPr id="6" name="Freeform 6">
            <a:hlinkClick r:id="" action="ppaction://hlinkshowjump?jump=nextslide"/>
          </p:cNvPr>
          <p:cNvSpPr/>
          <p:nvPr/>
        </p:nvSpPr>
        <p:spPr>
          <a:xfrm>
            <a:off x="5314818" y="2231765"/>
            <a:ext cx="7768653" cy="5069046"/>
          </a:xfrm>
          <a:custGeom>
            <a:avLst/>
            <a:gdLst/>
            <a:ahLst/>
            <a:cxnLst/>
            <a:rect l="l" t="t" r="r" b="b"/>
            <a:pathLst>
              <a:path w="7768653" h="5069046">
                <a:moveTo>
                  <a:pt x="0" y="0"/>
                </a:moveTo>
                <a:lnTo>
                  <a:pt x="7768652" y="0"/>
                </a:lnTo>
                <a:lnTo>
                  <a:pt x="7768652" y="5069046"/>
                </a:lnTo>
                <a:lnTo>
                  <a:pt x="0" y="5069046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45"/>
            <a:endParaRPr lang="tr-TR">
              <a:solidFill>
                <a:prstClr val="black"/>
              </a:solidFill>
              <a:latin typeface="Calibri"/>
            </a:endParaRPr>
          </a:p>
        </p:txBody>
      </p:sp>
      <p:grpSp>
        <p:nvGrpSpPr>
          <p:cNvPr id="7" name="Group 7"/>
          <p:cNvGrpSpPr/>
          <p:nvPr/>
        </p:nvGrpSpPr>
        <p:grpSpPr>
          <a:xfrm>
            <a:off x="7162800" y="342240"/>
            <a:ext cx="4463748" cy="1588723"/>
            <a:chOff x="1572461" y="-192881"/>
            <a:chExt cx="4336313" cy="1005645"/>
          </a:xfrm>
        </p:grpSpPr>
        <p:grpSp>
          <p:nvGrpSpPr>
            <p:cNvPr id="8" name="Group 8"/>
            <p:cNvGrpSpPr/>
            <p:nvPr/>
          </p:nvGrpSpPr>
          <p:grpSpPr>
            <a:xfrm>
              <a:off x="1598587" y="-192881"/>
              <a:ext cx="4310187" cy="1005645"/>
              <a:chOff x="0" y="-38100"/>
              <a:chExt cx="851395" cy="198646"/>
            </a:xfrm>
          </p:grpSpPr>
          <p:sp>
            <p:nvSpPr>
              <p:cNvPr id="9" name="Freeform 9"/>
              <p:cNvSpPr/>
              <p:nvPr/>
            </p:nvSpPr>
            <p:spPr>
              <a:xfrm>
                <a:off x="0" y="0"/>
                <a:ext cx="717690" cy="109011"/>
              </a:xfrm>
              <a:custGeom>
                <a:avLst/>
                <a:gdLst/>
                <a:ahLst/>
                <a:cxnLst/>
                <a:rect l="l" t="t" r="r" b="b"/>
                <a:pathLst>
                  <a:path w="851395" h="160546">
                    <a:moveTo>
                      <a:pt x="80273" y="0"/>
                    </a:moveTo>
                    <a:lnTo>
                      <a:pt x="771122" y="0"/>
                    </a:lnTo>
                    <a:cubicBezTo>
                      <a:pt x="792412" y="0"/>
                      <a:pt x="812829" y="8457"/>
                      <a:pt x="827884" y="23511"/>
                    </a:cubicBezTo>
                    <a:cubicBezTo>
                      <a:pt x="842938" y="38565"/>
                      <a:pt x="851395" y="58983"/>
                      <a:pt x="851395" y="80273"/>
                    </a:cubicBezTo>
                    <a:lnTo>
                      <a:pt x="851395" y="80273"/>
                    </a:lnTo>
                    <a:cubicBezTo>
                      <a:pt x="851395" y="101563"/>
                      <a:pt x="842938" y="121980"/>
                      <a:pt x="827884" y="137034"/>
                    </a:cubicBezTo>
                    <a:cubicBezTo>
                      <a:pt x="812829" y="152089"/>
                      <a:pt x="792412" y="160546"/>
                      <a:pt x="771122" y="160546"/>
                    </a:cubicBezTo>
                    <a:lnTo>
                      <a:pt x="80273" y="160546"/>
                    </a:lnTo>
                    <a:cubicBezTo>
                      <a:pt x="58983" y="160546"/>
                      <a:pt x="38565" y="152089"/>
                      <a:pt x="23511" y="137034"/>
                    </a:cubicBezTo>
                    <a:cubicBezTo>
                      <a:pt x="8457" y="121980"/>
                      <a:pt x="0" y="101563"/>
                      <a:pt x="0" y="80273"/>
                    </a:cubicBezTo>
                    <a:lnTo>
                      <a:pt x="0" y="80273"/>
                    </a:lnTo>
                    <a:cubicBezTo>
                      <a:pt x="0" y="58983"/>
                      <a:pt x="8457" y="38565"/>
                      <a:pt x="23511" y="23511"/>
                    </a:cubicBezTo>
                    <a:cubicBezTo>
                      <a:pt x="38565" y="8457"/>
                      <a:pt x="58983" y="0"/>
                      <a:pt x="80273" y="0"/>
                    </a:cubicBezTo>
                    <a:close/>
                  </a:path>
                </a:pathLst>
              </a:custGeom>
              <a:solidFill>
                <a:srgbClr val="FF0000"/>
              </a:solidFill>
            </p:spPr>
            <p:txBody>
              <a:bodyPr/>
              <a:lstStyle/>
              <a:p>
                <a:pPr defTabSz="914445"/>
                <a:endParaRPr lang="tr-TR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10" name="TextBox 10"/>
              <p:cNvSpPr txBox="1"/>
              <p:nvPr/>
            </p:nvSpPr>
            <p:spPr>
              <a:xfrm>
                <a:off x="0" y="-38100"/>
                <a:ext cx="851395" cy="198646"/>
              </a:xfrm>
              <a:prstGeom prst="rect">
                <a:avLst/>
              </a:prstGeom>
            </p:spPr>
            <p:txBody>
              <a:bodyPr lIns="50801" tIns="50801" rIns="50801" bIns="50801" rtlCol="0" anchor="ctr"/>
              <a:lstStyle/>
              <a:p>
                <a:pPr algn="ctr" defTabSz="914445">
                  <a:lnSpc>
                    <a:spcPts val="2660"/>
                  </a:lnSpc>
                </a:pPr>
                <a:endParaRPr>
                  <a:solidFill>
                    <a:prstClr val="black"/>
                  </a:solidFill>
                  <a:latin typeface="Calibri"/>
                </a:endParaRPr>
              </a:p>
            </p:txBody>
          </p:sp>
        </p:grpSp>
        <p:sp>
          <p:nvSpPr>
            <p:cNvPr id="11" name="TextBox 11"/>
            <p:cNvSpPr txBox="1"/>
            <p:nvPr/>
          </p:nvSpPr>
          <p:spPr>
            <a:xfrm>
              <a:off x="1572461" y="137886"/>
              <a:ext cx="3633302" cy="329244"/>
            </a:xfrm>
            <a:prstGeom prst="rect">
              <a:avLst/>
            </a:prstGeom>
          </p:spPr>
          <p:txBody>
            <a:bodyPr wrap="square" lIns="0" tIns="0" rIns="0" bIns="0" rtlCol="0" anchor="t">
              <a:spAutoFit/>
            </a:bodyPr>
            <a:lstStyle/>
            <a:p>
              <a:pPr algn="ctr" defTabSz="914445">
                <a:lnSpc>
                  <a:spcPts val="3990"/>
                </a:lnSpc>
              </a:pPr>
              <a:r>
                <a:rPr lang="en-US" sz="4001" dirty="0">
                  <a:solidFill>
                    <a:srgbClr val="FFFFFF"/>
                  </a:solidFill>
                  <a:latin typeface="Calibri"/>
                  <a:ea typeface="League Spartan"/>
                  <a:cs typeface="League Spartan"/>
                  <a:sym typeface="League Spartan"/>
                </a:rPr>
                <a:t>Video </a:t>
              </a:r>
              <a:r>
                <a:rPr lang="en-US" sz="4001" dirty="0" err="1">
                  <a:solidFill>
                    <a:srgbClr val="FFFFFF"/>
                  </a:solidFill>
                  <a:latin typeface="Calibri"/>
                  <a:ea typeface="League Spartan"/>
                  <a:cs typeface="League Spartan"/>
                  <a:sym typeface="League Spartan"/>
                </a:rPr>
                <a:t>izliyoruz</a:t>
              </a:r>
              <a:endParaRPr lang="en-US" sz="4001" dirty="0">
                <a:solidFill>
                  <a:srgbClr val="FFFFFF"/>
                </a:solidFill>
                <a:latin typeface="Calibri"/>
                <a:ea typeface="League Spartan"/>
                <a:cs typeface="League Spartan"/>
                <a:sym typeface="League Spartan"/>
              </a:endParaRPr>
            </a:p>
          </p:txBody>
        </p:sp>
      </p:grpSp>
      <p:sp>
        <p:nvSpPr>
          <p:cNvPr id="12" name="Freeform 12"/>
          <p:cNvSpPr/>
          <p:nvPr/>
        </p:nvSpPr>
        <p:spPr>
          <a:xfrm>
            <a:off x="4722222" y="8257781"/>
            <a:ext cx="8843556" cy="1164432"/>
          </a:xfrm>
          <a:custGeom>
            <a:avLst/>
            <a:gdLst/>
            <a:ahLst/>
            <a:cxnLst/>
            <a:rect l="l" t="t" r="r" b="b"/>
            <a:pathLst>
              <a:path w="9311321" h="1385059">
                <a:moveTo>
                  <a:pt x="0" y="0"/>
                </a:moveTo>
                <a:lnTo>
                  <a:pt x="9311321" y="0"/>
                </a:lnTo>
                <a:lnTo>
                  <a:pt x="9311321" y="1385059"/>
                </a:lnTo>
                <a:lnTo>
                  <a:pt x="0" y="1385059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pPr defTabSz="914445"/>
            <a:endParaRPr lang="tr-TR">
              <a:solidFill>
                <a:prstClr val="black"/>
              </a:solidFill>
              <a:latin typeface="Calibri"/>
            </a:endParaRPr>
          </a:p>
        </p:txBody>
      </p:sp>
      <p:sp>
        <p:nvSpPr>
          <p:cNvPr id="14" name="Metin kutusu 13">
            <a:extLst>
              <a:ext uri="{FF2B5EF4-FFF2-40B4-BE49-F238E27FC236}">
                <a16:creationId xmlns:a16="http://schemas.microsoft.com/office/drawing/2014/main" id="{3EEFAD04-09B0-879A-746C-4F06E8F88D61}"/>
              </a:ext>
            </a:extLst>
          </p:cNvPr>
          <p:cNvSpPr txBox="1"/>
          <p:nvPr/>
        </p:nvSpPr>
        <p:spPr>
          <a:xfrm>
            <a:off x="6342710" y="8562998"/>
            <a:ext cx="7377647" cy="5078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defTabSz="1371600"/>
            <a:r>
              <a:rPr lang="tr-TR" sz="2700" dirty="0">
                <a:solidFill>
                  <a:prstClr val="black"/>
                </a:solidFill>
                <a:latin typeface="Calibri"/>
                <a:hlinkClick r:id="rId11"/>
              </a:rPr>
              <a:t>https://www.youtube.com/watch?v=KezcrSboMKw</a:t>
            </a:r>
            <a:r>
              <a:rPr lang="tr-TR" sz="2700" dirty="0">
                <a:solidFill>
                  <a:prstClr val="black"/>
                </a:solidFill>
                <a:latin typeface="Calibri"/>
              </a:rPr>
              <a:t> </a:t>
            </a:r>
          </a:p>
        </p:txBody>
      </p:sp>
    </p:spTree>
    <p:custDataLst>
      <p:tags r:id="rId1"/>
    </p:custData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38F4B102-6384-4E50-BDA8-9450A8510B6B}"/>
  <p:tag name="ISPRING_RESOURCE_FOLDER" val="C:\Users\Monster\Desktop\YENİ SUNULAR\4.SINIF\3.ÜNİTE\4.3.1. Din Güzel Ahlaktır\"/>
  <p:tag name="ISPRING_PRESENTATION_PATH" val="C:\Users\Monster\Desktop\YENİ SUNULAR\4.SINIF\3.ÜNİTE\4.3.1. Din Güzel Ahlaktır.pptx"/>
  <p:tag name="ISPRING_PROJECT_VERSION" val="9.3"/>
  <p:tag name="ISPRING_PROJECT_FOLDER_UPDATED" val="1"/>
  <p:tag name="ISPRING_SCREEN_RECS_UPDATED" val="C:\Users\Monster\Desktop\YENİ SUNULAR\4.SINIF\3.ÜNİTE\4.3.1. Din Güzel Ahlaktır\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00A4C1&quot;,&quot;opacity&quot;:1,&quot;type&quot;:&quot;SOLID&quot;},&quot;primaryButtonBackgroundHover&quot;:{&quot;color&quot;:&quot;#00869D&quot;,&quot;opacity&quot;:1,&quot;type&quot;:&quot;SOLID&quot;},&quot;primaryButtonBorder&quot;:{&quot;color&quot;:&quot;#00A4C1&quot;,&quot;opacity&quot;:1,&quot;type&quot;:&quot;SOLID&quot;},&quot;primaryButtonBorderHover&quot;:{&quot;color&quot;:&quot;#00869D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FFFFF&quot;,&quot;opacity&quot;:1,&quot;type&quot;:&quot;SOLID&quot;},&quot;secondaryButtonBackgroundHover&quot;:{&quot;color&quot;:&quot;#E5E5E5&quot;,&quot;opacity&quot;:1,&quot;type&quot;:&quot;SOLID&quot;},&quot;secondaryButtonBorder&quot;:{&quot;color&quot;:&quot;#FFFFFF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false,&quot;showPrevButton&quot;:true,&quot;showRewind&quot;:false,&quot;showSlideNumbers&quot;:true,&quot;showSlideOnlyButton&quot;:true,&quot;showTimer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outline&quot;],&quot;buttonsAtLeft&quot;:false,&quot;courseTitleVisible&quot;:true,&quot;showLogo&quot;:true,&quot;visible&quot;:tru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Sonraki&quot;,&quot;PB_ACCESSIBLE_NAVIGATION_PREV_BUTTON&quot;:&quot;Önceki 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ökoman&quot;,&quot;PB_ATTACHMENT_FILE_SUBTITLE&quot;:&quot;Dosya&quot;,&quot;PB_ATTACHMENT_IMAGE_SUBTITLE&quot;:&quot;Resim&quot;,&quot;PB_ATTACHMENT_LINK_SUBTITLE&quot;:&quot;https:\/\/www.dindersimateryal.com\/&quot;,&quot;PB_ATTACHMENT_VIDEO_SUBTITLE&quot;:&quot;Video&quot;,&quot;PB_BACK_TO_APP_BUTTON_LABEL&quot;:&quot;Geri&quot;,&quot;PB_CC_MENU_OFF&quot;:&quot;Off&quot;,&quot;PB_CC_MENU_ON&quot;:&quot;On&quot;,&quot;PB_CC_MENU_TITLE&quot;:&quot;Notes&quot;,&quot;PB_CONTROL_PANEL_CLOSED_CAPTIONS&quot;:&quot;PB_CONTROL_PANEL_CLOSED_CAPTIONS&quot;,&quot;PB_CONTROL_PANEL_EXIT_FULL_SCREEN&quot;:&quot;Tam ekrandan çık&quot;,&quot;PB_CONTROL_PANEL_FULL_SCREEN&quot;:&quot;Tam ekran&quot;,&quot;PB_CONTROL_PANEL_NEXT&quot;:&quot;SONRAKİ&quot;,&quot;PB_CONTROL_PANEL_OUTLINE&quot;:&quot;OUTLINE&quot;,&quot;PB_CONTROL_PANEL_PREV&quot;:&quot;ÖNCEKİ&quot;,&quot;PB_CONTROL_PANEL_REPLAY&quot;:&quot;Tekrarlama&quot;,&quot;PB_CONTROL_PANEL_SLIDE_COUNTER&quot;:&quot;%SLIDE_NUMBER%\/%TOTAL_SLIDES%&quot;,&quot;PB_CONTROL_PANEL_SUBTITLES&quot;:&quot;PB_CONTROL_PANEL_SUBTITLES&quot;,&quot;PB_CONTROL_PANEL_VOLUME_CONTROL&quot;:&quot;Ses seviyesi&quot;,&quot;PB_CURRENT_SLIDE_IS_NOT_COMPLETED&quot;:&quot;Devam etmek için slaydın tamamını görüntülemeniz gerekiyor&quot;,&quot;PB_DOMAIN_RESTRICTION&quot;:&quot;Üzgünüz, yazar bu alandaki sunumun görüntülenmesini devre dışı bırakt&quot;,&quot;PB_DRAWING_TOOLS_END_DRAWING&quot;:&quot;Çizimi sonlandır&quot;,&quot;PB_DRAWING_TOOLS_ERASER&quot;:&quot;Silgi&quot;,&quot;PB_DRAWING_TOOLS_ERASE_ALL&quot;:&quot;Tümünü Sil&quot;,&quot;PB_DRAWING_TOOLS_HIGHLIGHTER&quot;:&quot;İşaretleyici&quot;,&quot;PB_DRAWING_TOOLS_PEN&quot;:&quot;Kalem&quot;,&quot;PB_ENTER_PASSWORD&quot;:&quot;Sunuyu görüntülemek için şifre girin&quot;,&quot;PB_INCORRECT_PASSWORD&quot;:&quot;Şire yanlış&quot;,&quot;PB_INTERACTION_SLIDE_WINDOW_TEXT&quot;:&quot;Bu slayttan ayrılmadan önce etkileşimi tamamlamanız gerekmektedir.&quot;,&quot;PB_MESSAGE_BOX_NO&quot;:&quot;HAYIR&quot;,&quot;PB_MESSAGE_BOX_OK&quot;:&quot;Tamam&quot;,&quot;PB_MESSAGE_BOX_YES&quot;:&quot;EVET&quot;,&quot;PB_NAVIGATION_IS_RESTRICTED&quot;:&quot;Yalnızca daha önce görüntülenen slaytlara erişebilirsiniz.&quot;,&quot;PB_NAVIGATION_IS_SEQUENTIAL&quot;:&quot;Slaytları verilen sırayla görüntülemeniz gerekir.&quot;,&quot;PB_PLAYBACK_RATE_MENU_CAPTION&quot;:&quot;Speed&quot;,&quot;PB_PRECEDING_QUIZ_FAILED_WINDOW_TEXT&quot;:&quot;%SLIDE_INDEX% slaytındaki sınavı geçemediğiniz için ilerleyemezsiniz.&quot;,&quot;PB_PRECEDING_QUIZ_NOT_COMPLETED_WINDOW_TEXT&quot;:&quot;İlerlemek için %SLIDE_INDEX% slaytındaki testi denemelisiniz.&quot;,&quot;PB_PRECEDING_QUIZ_NOT_PASSED_WINDOW_TEXT&quot;:&quot;İlerlemek için %SLIDE_INDEX% slaytındaki testi geçmelisiniz.&quot;,&quot;PB_PRECEDING_SCENARIO_FAILED_WINDOW_TEXT&quot;:&quot;%SLIDEINDEX% slaytındaki simülasyonu geçemediğiniz için ilerleyemezsiniz.&quot;,&quot;PB_PRECEDING_SCENARIO_NOT_COMPLETED_WINDOW_TEXT&quot;:&quot;İlerlemek için %SLIDE_INDEX% slaytındaki simülasyonu denemelisiniz.&quot;,&quot;PB_PRECEDING_SCENARIO_NOT_PASSED_WINDOW_TEXT&quot;:&quot;İlerlemek için %SLIDE_INDEX% slaytındaki simülasyonu geçmelisiniz.&quot;,&quot;PB_PRESENTER_COLLAPSE_BIO&quot;:&quot;Daha faz göster&quot;,&quot;PB_PRESENTER_EMAIL&quot;:&quot;Email&quot;,&quot;PB_PRESENTER_EXPAND_BIO&quot;:&quot;Daha fazla göster&quot;,&quot;PB_PRESENTER_NO_INFO&quot;:&quot;Sunucu Bilgisi Yok&quot;,&quot;PB_PRESENTER_WEBSITE&quot;:&quot;https:\/\/www.dindersimateryal.com\/&quot;,&quot;PB_QUIZ_SLIDE_WINDOW_TEXT&quot;:&quot;Bu slayttan ayrılmadan önce testi tamamlamanız gerekmektedir.&quot;,&quot;PB_RATE_MENU_CAPTION&quot;:&quot;Hız&quot;,&quot;PB_RATE_MENU_DEFAULT_RATE&quot;:&quot;Normal&quot;,&quot;PB_RESUME_PRESENTATION_WINDOW_TEXT&quot;:&quot;Sunuyu son görüntülenen slayttan devam ettirmek ister misiniz?&quot;,&quot;PB_SCENARIO_SLIDE_WINDOW_TEXT&quot;:&quot;Bu slayttan ayrılmadan önce simülasyonu tamamlamanız gerekmektedir.&quot;,&quot;PB_SEARCH_CANCEL&quot;:&quot;İptal&quot;,&quot;PB_SEARCH_NO_RESULTS_LABEL&quot;:&quot;Hiçbir sonuç bulunamadı&quot;,&quot;PB_SEARCH_PANEL_DEFAULT_TEXT&quot;:&quot;Ara&quot;,&quot;PB_SEARCH_RESULTS_LABEL&quot;:&quot;ARARMA SONUÇLARI&quot;,&quot;PB_SEARCH_RESULT_IN_NOTES&quot;:&quot;Notlarda ara&quot;,&quot;PB_SEARCH_RESULT_IN_TEXT_LABEL&quot;:&quot;[slayt metni&quot;,&quot;PB_SUBTITLES_MENU_CAPTION&quot;:&quot;Subtitles&quot;,&quot;PB_SUBTITLES_OFF&quot;:&quot;Off&quot;,&quot;PB_TAB_NOTES_LABEL&quot;:&quot;Notlar&quot;,&quot;PB_TAB_OUTLINE_LABEL&quot;:&quot;İÇİNDEKİLER&quot;,&quot;PB_TIME_RESTRICTION&quot;:&quot;Üzgünüz, yazar şu anda sunumu görüntülemeyi devre dışı bıraktı.&quot;,&quot;PB_TITLE_PANEL_ATTACHMENTS&quot;:&quot;www.dindersimateryal.com&quot;,&quot;PB_TITLE_PANEL_MARKER_TOOLS&quot;:&quot;Kalem\/İşaretleyici&quot;,&quot;PB_TITLE_PANEL_NOTES&quot;:&quot;Notlar&quot;,&quot;PB_TITLE_PANEL_OUTLINE&quot;:&quot;İçindekiler&quot;,&quot;PB_TITLE_PANEL_PRESENTER_INFO&quot;:&quot;Sunucu Bilgisi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MPANY_WEBSITE&quot;,&quot;DT_COURSE_TITLE&quot;,&quot;DT_REFERENCE_URL&quot;,&quot;DT_REFERENCE_TITLE&quot;,&quot;DT_SLIDE_TITLE&quot;,&quot;DT_SLIDE_NOTES_TEXT&quot;,&quot;DT_SLIDE_TEXT&quot;,&quot;DT_HYPERLINK_TOOLTIP&quot;]},&quot;resources&quot;:{&quot;attachments&quot;:true,&quot;companyLogos&quot;:{&quot;enlargeToFit&quot;:false,&quot;height&quot;:156,&quot;jpegQuality&quot;:100,&quot;keepAspectRatio&quot;:true,&quot;width&quot;:266},&quot;fonts&quot;:[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MPANY_WEBSITE&quot;,&quot;DCT_COURSE_TITLE&quot;,&quot;DCT_REFERENCE_URL&quot;,&quot;DCT_REFERENCE_TITLE&quot;,&quot;DCT_SLIDE_TITLE&quot;,&quot;DCT_SLIDE_NOTES_TEXT&quot;,&quot;DCT_SLIDE_TEXT&quot;,&quot;DCT_HYPERLINK_TOOLTIP&quot;],&quot;static&quot;:[&quot;www.dindersimateryal.com&quot;,&quot;https:\/\/www.dindersimateryal.com\/&quot;,&quot;Resim&quot;,&quot;Video&quot;,&quot;Dökoman&quot;,&quot;Dosya&quot;,&quot;Kalem\/İşaretleyici&quot;,&quot;Kalem&quot;,&quot;İşaretleyici&quot;,&quot;Silgi&quot;,&quot;Tümünü Sil&quot;,&quot;Çizimi sonlandır&quot;,&quot;İÇİNDEKİLER&quot;,&quot;İçindekiler&quot;,&quot;Ara&quot;,&quot;[slayt metni&quot;,&quot;ARARMA SONUÇLARI&quot;,&quot;Hiçbir sonuç bulunamadı&quot;,&quot;Notlarda ara&quot;,&quot;İptal&quot;,&quot;ÖNCEKİ&quot;,&quot;SONRAKİ&quot;,&quot;Tam ekran&quot;,&quot;Tam ekrandan çık&quot;,&quot;Ses seviyesi&quot;,&quot;%SLIDE_NUMBER%\/%TOTAL_SLIDES%&quot;,&quot;EVET&quot;,&quot;HAYIR&quot;,&quot;Tamam&quot;,&quot;Sunuyu son görüntülenen slayttan devam ettirmek ister misiniz?&quot;,&quot;Devam etmek için slaydın tamamını görüntülemeniz gerekiyor&quot;,&quot;Yalnızca daha önce görüntülenen slaytlara erişebilirsiniz.&quot;,&quot;Slaytları verilen sırayla görüntülemeniz gerekir.&quot;,&quot;Bu slayttan ayrılmadan önce testi tamamlamanız gerekmektedir.&quot;,&quot;İlerlemek için %SLIDE_INDEX% slaytındaki testi geçmelisiniz.&quot;,&quot;İlerlemek için %SLIDE_INDEX% slaytındaki testi denemelisiniz.&quot;,&quot;%SLIDE_INDEX% slaytındaki sınavı geçemediğiniz için ilerleyemezsiniz.&quot;,&quot;Bu slayttan ayrılmadan önce etkileşimi tamamlamanız gerekmektedir.&quot;,&quot;Bu slayttan ayrılmadan önce simülasyonu tamamlamanız gerekmektedir.&quot;,&quot;İlerlemek için %SLIDE_INDEX% slaytındaki simülasyonu geçmelisiniz.&quot;,&quot;İlerlemek için %SLIDE_INDEX% slaytındaki simülasyonu denemelisiniz.&quot;,&quot;%SLIDEINDEX% slaytındaki simülasyonu geçemediğiniz için ilerleyemezsiniz.&quot;,&quot;Sunuyu görüntülemek için şifre girin&quot;,&quot;Şire yanlış&quot;,&quot;Üzgünüz, yazar bu alandaki sunumun görüntülenmesini devre dışı bırakt&quot;,&quot;Üzgünüz, yazar şu anda sunumu görüntülemeyi devre dışı bıraktı.&quot;,&quot;Geri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playAndPause,fullscreen,volumeControl,slideNumber,goToPrev,goToNext&quot;,&quot;playerLayoutHeader&quot;:&quot;resources,markerTools,outline,title,logo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Cyan&quot;,&quot;playerThemeFont&quot;:&quot;Arial&quot;}}}"/>
  <p:tag name="ISPRING-SUITE_ISPRING_CURRENT_PLAYER_ID" val="universal"/>
  <p:tag name="ISPRING_PRESENTATION_COURSE_TITLE" val="4.3.1. Din Güzel Ahlaktır"/>
  <p:tag name="ISPRING_LMS_API_VERSION" val="SCORM 2004 (4th edition)"/>
  <p:tag name="ISPRING_ULTRA_SCORM_COURSE_ID" val="FF876DBA-0EA3-4ECB-85BA-5A9CE2179DC7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İSPRİNGCLOUDFOLDERID" val="1"/>
  <p:tag name="İSPRİNGONLİNEFOLDERID" val="1"/>
  <p:tag name="ISPRING_OUTPUT_FOLDER" val="[[&quot;W\uFFFD\uFFFD{B183E348-C202-44F7-B565-2C1AFCBC22E2}&quot;,&quot;C:\\Users\\Monster\\Desktop\\YENİ SUNULAR\\4.SINIF\\3.ÜNİ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RATE_QUIZZES" val="0"/>
  <p:tag name="ISPRING_SCORM_PASSING_SCORE" val="0.000000"/>
  <p:tag name="ISPRING_PRESENTATION_TITLE" val="4.3.1. Din Güzel Ahlaktır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DCBAA08-4263-441A-991E-D76C1F350474}:365"/>
  <p:tag name="GENSWF_SLIDE_TITLE" val="Ünite Konuları"/>
  <p:tag name="ISPRING_SLIDE_INDENT_LEVEL" val="0"/>
  <p:tag name="ISPRING_CUSTOM_TIMING_USED" val="0"/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3AB061-00BA-4B37-997B-47E2216894D9}:256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6D4830B-0CDE-4EFD-830A-D159E3956D43}:257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EA51F2-E528-4527-BB14-4E2B0DDB04D0}:258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CC697E9-8E57-46ED-B4A2-CFEA9E51F93A}:259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2414BDD-79FB-48F8-9A04-D5A84C12A623}:367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E99C496-ED5E-45F9-BEEA-34B68E7A8E63}:260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9833CF-CCE4-431E-8B62-46008823C777}:26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UDIO_ID" val="256"/>
  <p:tag name="ARTICULATE_USED_LAYOUT" val="7"/>
  <p:tag name="ARTICULATE_SLIDE_THUMBNAIL_REFRESH" val="1"/>
  <p:tag name="GENSWF_SLIDE_UID" val="{D9BDD944-7BD5-469B-87C9-E5AE5A082EBF}:405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2AA6763-EBDE-4373-82B8-2B5EE208ED38}:404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YT_SHOW_AFTER" val="0"/>
  <p:tag name="ISPRING_YT_WEB_ADDRESS" val="https://www.youtube.com/watch?v=KezcrSboMKw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YT_SHOW_AFTER" val="0"/>
  <p:tag name="ISPRING_YT_WEB_ADDRESS" val="https://www.youtube.com/watch?v=KezcrSboMKw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2EF3389-A120-4E9A-B483-68417D610BBD}:366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E1BCE0-3452-41E6-8CF4-04F1FDBC91D6}:375"/>
  <p:tag name="GENSWF_SLIDE_TITLE" val="Etkinlik için tıklayınız."/>
  <p:tag name="ISPRING_SLIDE_INDENT_LEVEL" val="0"/>
  <p:tag name="ISPRING_CUSTOM_TIMING_USED" val="0"/>
  <p:tag name="AUDIO_ID" val="375"/>
  <p:tag name="ARTICULATE_USED_LAYOUT" val="7"/>
  <p:tag name="ARTICULATE_SLIDE_THUMBNAIL_REFRESH" val="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189BF09-30C9-43C9-A4A6-DAF81C6C930A}:393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s://wordwall.net/play/797/844/3156"/>
  <p:tag name="ISPRING_WO_DISPLAY_IN_SLIDE" val="1"/>
  <p:tag name="ISPRING_WO_FULL_SIZE" val="1"/>
  <p:tag name="ISPRING_WO_WINDOW_WIDTH" val="720"/>
  <p:tag name="ISPRING_WO_WINDOW_HEIGHT" val="540"/>
  <p:tag name="ISPRING_WO_SHOW_AFTER" val="0"/>
  <p:tag name="ISPRING_WO_INCLUDE_FILES_AND_SUBFOLDERS" val="0"/>
  <p:tag name="ISPRING_WO_SLIDE_POS_X" val="0"/>
  <p:tag name="ISPRING_WO_SLIDE_POS_Y" val="0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DF757EC-AB29-4D98-8833-5975228B6017}:263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ADD12AC-58CC-4432-BE46-843C4DDD5C82}:368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Etkinlik için tıklayınız."/>
  <p:tag name="ISPRING_SLIDE_INDENT_LEVEL" val="0"/>
  <p:tag name="ISPRING_CUSTOM_TIMING_USED" val="0"/>
  <p:tag name="AUDIO_ID" val="375"/>
  <p:tag name="ARTICULATE_USED_LAYOUT" val="7"/>
  <p:tag name="ARTICULATE_SLIDE_THUMBNAIL_REFRESH" val="1"/>
  <p:tag name="GENSWF_SLIDE_UID" val="{8B9F8248-0367-47F7-90EF-C77B5D8A320B}:394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FF7628D-F49C-4045-AD9D-42959EFD9FEF}:39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s://wordwall.net/play/8893/007/8533"/>
  <p:tag name="ISPRING_WO_DISPLAY_IN_SLIDE" val="1"/>
  <p:tag name="ISPRING_WO_FULL_SIZE" val="1"/>
  <p:tag name="ISPRING_WO_WINDOW_WIDTH" val="720"/>
  <p:tag name="ISPRING_WO_WINDOW_HEIGHT" val="540"/>
  <p:tag name="ISPRING_WO_SHOW_AFTER" val="0"/>
  <p:tag name="ISPRING_WO_INCLUDE_FILES_AND_SUBFOLDERS" val="0"/>
  <p:tag name="ISPRING_WO_SLIDE_POS_X" val="0"/>
  <p:tag name="ISPRING_WO_SLIDE_POS_Y" val="0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90562D37-64FE-450F-ADE7-8E5ED9495B02}:403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n Sayfa: Tanıtım"/>
  <p:tag name="ISPRING_SLIDE_INDENT_LEVEL" val="0"/>
  <p:tag name="ISPRING_CUSTOM_TIMING_USED" val="0"/>
  <p:tag name="GENSWF_SLIDE_UID" val="{CAF0FEAD-FD3B-488A-88D4-2AF3BD4567AF}:391"/>
  <p:tag name="AUDIO_ID" val="391"/>
  <p:tag name="ARTICULATE_USED_LAYOUT" val="7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hapesVTI">
  <a:themeElements>
    <a:clrScheme name="Office">
      <a:dk1>
        <a:srgbClr val="000000"/>
      </a:dk1>
      <a:lt1>
        <a:srgbClr val="FFFFFF"/>
      </a:lt1>
      <a:dk2>
        <a:srgbClr val="212745"/>
      </a:dk2>
      <a:lt2>
        <a:srgbClr val="B4DCFA"/>
      </a:lt2>
      <a:accent1>
        <a:srgbClr val="4E67C8"/>
      </a:accent1>
      <a:accent2>
        <a:srgbClr val="5ECCF3"/>
      </a:accent2>
      <a:accent3>
        <a:srgbClr val="A7EA52"/>
      </a:accent3>
      <a:accent4>
        <a:srgbClr val="5DCEAF"/>
      </a:accent4>
      <a:accent5>
        <a:srgbClr val="FF8021"/>
      </a:accent5>
      <a:accent6>
        <a:srgbClr val="F14124"/>
      </a:accent6>
      <a:hlink>
        <a:srgbClr val="56C7AA"/>
      </a:hlink>
      <a:folHlink>
        <a:srgbClr val="59A8D1"/>
      </a:folHlink>
    </a:clrScheme>
    <a:fontScheme name="Festival">
      <a:majorFont>
        <a:latin typeface="Tw Cen MT"/>
        <a:ea typeface=""/>
        <a:cs typeface=""/>
      </a:majorFont>
      <a:minorFont>
        <a:latin typeface="Avenir Next LT Pro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ShapesVTI" id="{C78D20FD-A872-4243-8597-B534C62538FF}" vid="{7CAFCCF9-7834-41D6-B6AB-7D225A18A4E9}"/>
    </a:ext>
  </a:extLst>
</a:theme>
</file>

<file path=ppt/theme/theme3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4.xml><?xml version="1.0" encoding="utf-8"?>
<a:theme xmlns:a="http://schemas.openxmlformats.org/drawingml/2006/main" name="Office Teması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53</TotalTime>
  <Words>591</Words>
  <Application>Microsoft Office PowerPoint</Application>
  <PresentationFormat>Özel</PresentationFormat>
  <Paragraphs>151</Paragraphs>
  <Slides>19</Slides>
  <Notes>19</Notes>
  <HiddenSlides>0</HiddenSlides>
  <MMClips>1</MMClips>
  <ScaleCrop>false</ScaleCrop>
  <HeadingPairs>
    <vt:vector size="6" baseType="variant">
      <vt:variant>
        <vt:lpstr>Kullanılan Yazı Tipleri</vt:lpstr>
      </vt:variant>
      <vt:variant>
        <vt:i4>13</vt:i4>
      </vt:variant>
      <vt:variant>
        <vt:lpstr>Tema</vt:lpstr>
      </vt:variant>
      <vt:variant>
        <vt:i4>3</vt:i4>
      </vt:variant>
      <vt:variant>
        <vt:lpstr>Slayt Başlıkları</vt:lpstr>
      </vt:variant>
      <vt:variant>
        <vt:i4>19</vt:i4>
      </vt:variant>
    </vt:vector>
  </HeadingPairs>
  <TitlesOfParts>
    <vt:vector size="35" baseType="lpstr">
      <vt:lpstr>Cascadia Mono</vt:lpstr>
      <vt:lpstr>Aptos</vt:lpstr>
      <vt:lpstr>DejaVu Serif Bold</vt:lpstr>
      <vt:lpstr>Avenir Next LT Pro</vt:lpstr>
      <vt:lpstr>Glacial Indifference</vt:lpstr>
      <vt:lpstr>Arial</vt:lpstr>
      <vt:lpstr>League Spartan</vt:lpstr>
      <vt:lpstr>Wingdings</vt:lpstr>
      <vt:lpstr>Aptos Display</vt:lpstr>
      <vt:lpstr>Tw Cen MT</vt:lpstr>
      <vt:lpstr>Helvetica</vt:lpstr>
      <vt:lpstr>Aileron</vt:lpstr>
      <vt:lpstr>Calibri</vt:lpstr>
      <vt:lpstr>Office Theme</vt:lpstr>
      <vt:lpstr>ShapesVTI</vt:lpstr>
      <vt:lpstr>Office Teması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  <vt:lpstr>PowerPoint Sunusu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4.3.1. Din Güzel Ahlaktır</dc:title>
  <cp:lastModifiedBy>Mustafa YILDIRIM</cp:lastModifiedBy>
  <cp:revision>11</cp:revision>
  <dcterms:created xsi:type="dcterms:W3CDTF">2006-08-16T00:00:00Z</dcterms:created>
  <dcterms:modified xsi:type="dcterms:W3CDTF">2024-12-24T18:00:03Z</dcterms:modified>
  <dc:identifier>DAGaG5p2vzw</dc:identifier>
</cp:coreProperties>
</file>